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theme/theme2.xml" ContentType="application/vnd.openxmlformats-officedocument.theme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theme/theme3.xml" ContentType="application/vnd.openxmlformats-officedocument.theme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theme/theme4.xml" ContentType="application/vnd.openxmlformats-officedocument.theme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heme/theme5.xml" ContentType="application/vnd.openxmlformats-officedocument.theme+xml"/>
  <Override PartName="/ppt/theme/theme6.xml" ContentType="application/vnd.openxmlformats-officedocument.theme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notesSlides/notesSlide1.xml" ContentType="application/vnd.openxmlformats-officedocument.presentationml.notesSlide+xml"/>
  <Override PartName="/ppt/tags/tag150.xml" ContentType="application/vnd.openxmlformats-officedocument.presentationml.tags+xml"/>
  <Override PartName="/ppt/notesSlides/notesSlide2.xml" ContentType="application/vnd.openxmlformats-officedocument.presentationml.notesSlide+xml"/>
  <Override PartName="/ppt/tags/tag151.xml" ContentType="application/vnd.openxmlformats-officedocument.presentationml.tags+xml"/>
  <Override PartName="/ppt/notesSlides/notesSlide3.xml" ContentType="application/vnd.openxmlformats-officedocument.presentationml.notesSlide+xml"/>
  <Override PartName="/ppt/tags/tag152.xml" ContentType="application/vnd.openxmlformats-officedocument.presentationml.tags+xml"/>
  <Override PartName="/ppt/notesSlides/notesSlide4.xml" ContentType="application/vnd.openxmlformats-officedocument.presentationml.notesSlide+xml"/>
  <Override PartName="/ppt/tags/tag153.xml" ContentType="application/vnd.openxmlformats-officedocument.presentationml.tags+xml"/>
  <Override PartName="/ppt/notesSlides/notesSlide5.xml" ContentType="application/vnd.openxmlformats-officedocument.presentationml.notesSlide+xml"/>
  <Override PartName="/ppt/tags/tag154.xml" ContentType="application/vnd.openxmlformats-officedocument.presentationml.tags+xml"/>
  <Override PartName="/ppt/notesSlides/notesSlide6.xml" ContentType="application/vnd.openxmlformats-officedocument.presentationml.notesSlide+xml"/>
  <Override PartName="/ppt/tags/tag155.xml" ContentType="application/vnd.openxmlformats-officedocument.presentationml.tags+xml"/>
  <Override PartName="/ppt/notesSlides/notesSlide7.xml" ContentType="application/vnd.openxmlformats-officedocument.presentationml.notesSlide+xml"/>
  <Override PartName="/ppt/tags/tag156.xml" ContentType="application/vnd.openxmlformats-officedocument.presentationml.tags+xml"/>
  <Override PartName="/ppt/notesSlides/notesSlide8.xml" ContentType="application/vnd.openxmlformats-officedocument.presentationml.notesSlide+xml"/>
  <Override PartName="/ppt/tags/tag157.xml" ContentType="application/vnd.openxmlformats-officedocument.presentationml.tags+xml"/>
  <Override PartName="/ppt/notesSlides/notesSlide9.xml" ContentType="application/vnd.openxmlformats-officedocument.presentationml.notesSlide+xml"/>
  <Override PartName="/ppt/tags/tag158.xml" ContentType="application/vnd.openxmlformats-officedocument.presentationml.tags+xml"/>
  <Override PartName="/ppt/notesSlides/notesSlide10.xml" ContentType="application/vnd.openxmlformats-officedocument.presentationml.notesSlide+xml"/>
  <Override PartName="/ppt/tags/tag159.xml" ContentType="application/vnd.openxmlformats-officedocument.presentationml.tags+xml"/>
  <Override PartName="/ppt/notesSlides/notesSlide11.xml" ContentType="application/vnd.openxmlformats-officedocument.presentationml.notesSlide+xml"/>
  <Override PartName="/ppt/tags/tag160.xml" ContentType="application/vnd.openxmlformats-officedocument.presentationml.tags+xml"/>
  <Override PartName="/ppt/notesSlides/notesSlide12.xml" ContentType="application/vnd.openxmlformats-officedocument.presentationml.notesSlide+xml"/>
  <Override PartName="/ppt/tags/tag161.xml" ContentType="application/vnd.openxmlformats-officedocument.presentationml.tags+xml"/>
  <Override PartName="/ppt/notesSlides/notesSlide13.xml" ContentType="application/vnd.openxmlformats-officedocument.presentationml.notesSlide+xml"/>
  <Override PartName="/ppt/tags/tag162.xml" ContentType="application/vnd.openxmlformats-officedocument.presentationml.tags+xml"/>
  <Override PartName="/ppt/notesSlides/notesSlide1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739" r:id="rId1"/>
    <p:sldMasterId id="2147483727" r:id="rId2"/>
    <p:sldMasterId id="2147483678" r:id="rId3"/>
    <p:sldMasterId id="2147483807" r:id="rId4"/>
  </p:sldMasterIdLst>
  <p:notesMasterIdLst>
    <p:notesMasterId r:id="rId20"/>
  </p:notesMasterIdLst>
  <p:handoutMasterIdLst>
    <p:handoutMasterId r:id="rId21"/>
  </p:handoutMasterIdLst>
  <p:sldIdLst>
    <p:sldId id="381" r:id="rId5"/>
    <p:sldId id="354" r:id="rId6"/>
    <p:sldId id="368" r:id="rId7"/>
    <p:sldId id="359" r:id="rId8"/>
    <p:sldId id="380" r:id="rId9"/>
    <p:sldId id="369" r:id="rId10"/>
    <p:sldId id="370" r:id="rId11"/>
    <p:sldId id="371" r:id="rId12"/>
    <p:sldId id="375" r:id="rId13"/>
    <p:sldId id="378" r:id="rId14"/>
    <p:sldId id="376" r:id="rId15"/>
    <p:sldId id="364" r:id="rId16"/>
    <p:sldId id="367" r:id="rId17"/>
    <p:sldId id="374" r:id="rId18"/>
    <p:sldId id="379" r:id="rId19"/>
  </p:sldIdLst>
  <p:sldSz cx="12198350" cy="6859588"/>
  <p:notesSz cx="7315200" cy="9601200"/>
  <p:custDataLst>
    <p:tags r:id="rId22"/>
  </p:custDataLst>
  <p:defaultTextStyle>
    <a:defPPr>
      <a:defRPr lang="de-DE"/>
    </a:defPPr>
    <a:lvl1pPr marL="0" algn="l" defTabSz="1088959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1pPr>
    <a:lvl2pPr marL="544479" algn="l" defTabSz="1088959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2pPr>
    <a:lvl3pPr marL="1088959" algn="l" defTabSz="1088959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3pPr>
    <a:lvl4pPr marL="1633438" algn="l" defTabSz="1088959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4pPr>
    <a:lvl5pPr marL="2177918" algn="l" defTabSz="1088959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5pPr>
    <a:lvl6pPr marL="2722397" algn="l" defTabSz="1088959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6pPr>
    <a:lvl7pPr marL="3266877" algn="l" defTabSz="1088959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7pPr>
    <a:lvl8pPr marL="3811356" algn="l" defTabSz="1088959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8pPr>
    <a:lvl9pPr marL="4355836" algn="l" defTabSz="1088959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Standardabschnitt" id="{0A250F7B-017C-4FE9-A998-1D42DABDA145}">
          <p14:sldIdLst>
            <p14:sldId id="381"/>
            <p14:sldId id="354"/>
            <p14:sldId id="368"/>
            <p14:sldId id="359"/>
            <p14:sldId id="380"/>
            <p14:sldId id="369"/>
            <p14:sldId id="370"/>
            <p14:sldId id="371"/>
            <p14:sldId id="375"/>
            <p14:sldId id="378"/>
            <p14:sldId id="376"/>
            <p14:sldId id="364"/>
            <p14:sldId id="367"/>
            <p14:sldId id="374"/>
            <p14:sldId id="379"/>
          </p14:sldIdLst>
        </p14:section>
      </p14:sectionLst>
    </p:ext>
    <p:ext uri="{EFAFB233-063F-42B5-8137-9DF3F51BA10A}">
      <p15:sldGuideLst xmlns:p15="http://schemas.microsoft.com/office/powerpoint/2012/main">
        <p15:guide id="1" orient="horz" pos="1027">
          <p15:clr>
            <a:srgbClr val="A4A3A4"/>
          </p15:clr>
        </p15:guide>
        <p15:guide id="2" orient="horz" pos="3974">
          <p15:clr>
            <a:srgbClr val="A4A3A4"/>
          </p15:clr>
        </p15:guide>
        <p15:guide id="3" orient="horz" pos="2455">
          <p15:clr>
            <a:srgbClr val="A4A3A4"/>
          </p15:clr>
        </p15:guide>
        <p15:guide id="4" orient="horz" pos="2545">
          <p15:clr>
            <a:srgbClr val="A4A3A4"/>
          </p15:clr>
        </p15:guide>
        <p15:guide id="5" orient="horz" pos="216">
          <p15:clr>
            <a:srgbClr val="A4A3A4"/>
          </p15:clr>
        </p15:guide>
        <p15:guide id="6" orient="horz" pos="4320">
          <p15:clr>
            <a:srgbClr val="A4A3A4"/>
          </p15:clr>
        </p15:guide>
        <p15:guide id="7" pos="304">
          <p15:clr>
            <a:srgbClr val="A4A3A4"/>
          </p15:clr>
        </p15:guide>
        <p15:guide id="8" pos="7335">
          <p15:clr>
            <a:srgbClr val="A4A3A4"/>
          </p15:clr>
        </p15:guide>
        <p15:guide id="9" pos="6064">
          <p15:clr>
            <a:srgbClr val="A4A3A4"/>
          </p15:clr>
        </p15:guide>
        <p15:guide id="10" pos="3774">
          <p15:clr>
            <a:srgbClr val="A4A3A4"/>
          </p15:clr>
        </p15:guide>
        <p15:guide id="11" pos="3864">
          <p15:clr>
            <a:srgbClr val="A4A3A4"/>
          </p15:clr>
        </p15:guide>
        <p15:guide id="12" pos="2589">
          <p15:clr>
            <a:srgbClr val="A4A3A4"/>
          </p15:clr>
        </p15:guide>
        <p15:guide id="13" pos="2680">
          <p15:clr>
            <a:srgbClr val="A4A3A4"/>
          </p15:clr>
        </p15:guide>
        <p15:guide id="14" pos="4962">
          <p15:clr>
            <a:srgbClr val="A4A3A4"/>
          </p15:clr>
        </p15:guide>
        <p15:guide id="15" pos="5052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024">
          <p15:clr>
            <a:srgbClr val="A4A3A4"/>
          </p15:clr>
        </p15:guide>
        <p15:guide id="2" pos="2304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srgbClr val="FF0000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CC"/>
    <a:srgbClr val="D5D2D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3793" autoAdjust="0"/>
    <p:restoredTop sz="80653" autoAdjust="0"/>
  </p:normalViewPr>
  <p:slideViewPr>
    <p:cSldViewPr snapToGrid="0" snapToObjects="1">
      <p:cViewPr varScale="1">
        <p:scale>
          <a:sx n="68" d="100"/>
          <a:sy n="68" d="100"/>
        </p:scale>
        <p:origin x="666" y="54"/>
      </p:cViewPr>
      <p:guideLst>
        <p:guide orient="horz" pos="1027"/>
        <p:guide orient="horz" pos="3974"/>
        <p:guide orient="horz" pos="2455"/>
        <p:guide orient="horz" pos="2545"/>
        <p:guide orient="horz" pos="216"/>
        <p:guide orient="horz" pos="4320"/>
        <p:guide pos="304"/>
        <p:guide pos="7335"/>
        <p:guide pos="6064"/>
        <p:guide pos="3774"/>
        <p:guide pos="3864"/>
        <p:guide pos="2589"/>
        <p:guide pos="2680"/>
        <p:guide pos="4962"/>
        <p:guide pos="5052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sorterViewPr>
    <p:cViewPr varScale="1">
      <p:scale>
        <a:sx n="1" d="1"/>
        <a:sy n="1" d="1"/>
      </p:scale>
      <p:origin x="0" y="0"/>
    </p:cViewPr>
  </p:sorterViewPr>
  <p:notesViewPr>
    <p:cSldViewPr snapToGrid="0" snapToObjects="1">
      <p:cViewPr varScale="1">
        <p:scale>
          <a:sx n="78" d="100"/>
          <a:sy n="78" d="100"/>
        </p:scale>
        <p:origin x="-2040" y="-96"/>
      </p:cViewPr>
      <p:guideLst>
        <p:guide orient="horz" pos="3024"/>
        <p:guide pos="2304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tableStyles" Target="tableStyles.xml"/><Relationship Id="rId3" Type="http://schemas.openxmlformats.org/officeDocument/2006/relationships/slideMaster" Target="slideMasters/slideMaster3.xml"/><Relationship Id="rId21" Type="http://schemas.openxmlformats.org/officeDocument/2006/relationships/handoutMaster" Target="handoutMasters/handoutMaster1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theme" Target="theme/theme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2.xml"/><Relationship Id="rId20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viewProps" Target="viewProps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presProps" Target="presProps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tags" Target="tags/tag1.xml"/></Relationships>
</file>

<file path=ppt/handoutMasters/_rels/handoutMaster1.xml.rels><?xml version="1.0" encoding="UTF-8" standalone="yes"?>
<Relationships xmlns="http://schemas.openxmlformats.org/package/2006/relationships"><Relationship Id="rId2" Type="http://schemas.openxmlformats.org/officeDocument/2006/relationships/tags" Target="../tags/tag148.xml"/><Relationship Id="rId1" Type="http://schemas.openxmlformats.org/officeDocument/2006/relationships/theme" Target="../theme/theme6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169920" cy="480060"/>
          </a:xfrm>
          <a:prstGeom prst="rect">
            <a:avLst/>
          </a:prstGeom>
        </p:spPr>
        <p:txBody>
          <a:bodyPr vert="horz" lIns="96661" tIns="48331" rIns="96661" bIns="48331" rtlCol="0"/>
          <a:lstStyle>
            <a:lvl1pPr algn="l">
              <a:defRPr sz="1300"/>
            </a:lvl1pPr>
          </a:lstStyle>
          <a:p>
            <a:r>
              <a:rPr lang="de-DE" dirty="0"/>
              <a:t>Header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quarter" idx="1"/>
          </p:nvPr>
        </p:nvSpPr>
        <p:spPr>
          <a:xfrm>
            <a:off x="4143587" y="0"/>
            <a:ext cx="3169920" cy="480060"/>
          </a:xfrm>
          <a:prstGeom prst="rect">
            <a:avLst/>
          </a:prstGeom>
        </p:spPr>
        <p:txBody>
          <a:bodyPr vert="horz" lIns="96661" tIns="48331" rIns="96661" bIns="48331" rtlCol="0"/>
          <a:lstStyle>
            <a:lvl1pPr algn="r">
              <a:defRPr sz="1300"/>
            </a:lvl1pPr>
          </a:lstStyle>
          <a:p>
            <a:r>
              <a:rPr lang="en-GB" dirty="0"/>
              <a:t>18/07/2016</a:t>
            </a:r>
            <a:endParaRPr lang="de-DE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2"/>
          </p:nvPr>
        </p:nvSpPr>
        <p:spPr>
          <a:xfrm>
            <a:off x="0" y="9119474"/>
            <a:ext cx="3169920" cy="480060"/>
          </a:xfrm>
          <a:prstGeom prst="rect">
            <a:avLst/>
          </a:prstGeom>
        </p:spPr>
        <p:txBody>
          <a:bodyPr vert="horz" lIns="96661" tIns="48331" rIns="96661" bIns="48331" rtlCol="0" anchor="b"/>
          <a:lstStyle>
            <a:lvl1pPr algn="l">
              <a:defRPr sz="1300"/>
            </a:lvl1pPr>
          </a:lstStyle>
          <a:p>
            <a:r>
              <a:rPr lang="de-DE" dirty="0" err="1"/>
              <a:t>Footer</a:t>
            </a:r>
            <a:endParaRPr lang="de-DE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3"/>
          </p:nvPr>
        </p:nvSpPr>
        <p:spPr>
          <a:xfrm>
            <a:off x="4143587" y="9119474"/>
            <a:ext cx="3169920" cy="480060"/>
          </a:xfrm>
          <a:prstGeom prst="rect">
            <a:avLst/>
          </a:prstGeom>
        </p:spPr>
        <p:txBody>
          <a:bodyPr vert="horz" lIns="96661" tIns="48331" rIns="96661" bIns="48331" rtlCol="0" anchor="b"/>
          <a:lstStyle>
            <a:lvl1pPr algn="r">
              <a:defRPr sz="1300"/>
            </a:lvl1pPr>
          </a:lstStyle>
          <a:p>
            <a:fld id="{B2FA5B6A-6044-4071-A30F-64758380422B}" type="slidenum">
              <a:rPr lang="de-DE" smtClean="0"/>
              <a:pPr/>
              <a:t>‹#›</a:t>
            </a:fld>
            <a:endParaRPr lang="de-DE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149513825"/>
      </p:ext>
    </p:extLst>
  </p:cSld>
  <p:clrMap bg1="dk1" tx1="lt1" bg2="dk2" tx2="lt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169920" cy="480060"/>
          </a:xfrm>
          <a:prstGeom prst="rect">
            <a:avLst/>
          </a:prstGeom>
        </p:spPr>
        <p:txBody>
          <a:bodyPr vert="horz" lIns="96661" tIns="48331" rIns="96661" bIns="48331" rtlCol="0"/>
          <a:lstStyle>
            <a:lvl1pPr algn="l">
              <a:defRPr sz="1300">
                <a:solidFill>
                  <a:schemeClr val="tx1"/>
                </a:solidFill>
              </a:defRPr>
            </a:lvl1pPr>
          </a:lstStyle>
          <a:p>
            <a:r>
              <a:rPr lang="en-GB" dirty="0"/>
              <a:t>Header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4143587" y="0"/>
            <a:ext cx="3169920" cy="480060"/>
          </a:xfrm>
          <a:prstGeom prst="rect">
            <a:avLst/>
          </a:prstGeom>
        </p:spPr>
        <p:txBody>
          <a:bodyPr vert="horz" lIns="96661" tIns="48331" rIns="96661" bIns="48331" rtlCol="0"/>
          <a:lstStyle>
            <a:lvl1pPr algn="r">
              <a:defRPr sz="1300">
                <a:solidFill>
                  <a:schemeClr val="tx1"/>
                </a:solidFill>
              </a:defRPr>
            </a:lvl1pPr>
          </a:lstStyle>
          <a:p>
            <a:fld id="{7BD06FC8-DEE4-48EF-9679-B57AC3D69290}" type="datetimeFigureOut">
              <a:rPr lang="en-GB" smtClean="0"/>
              <a:pPr/>
              <a:t>11/07/2021</a:t>
            </a:fld>
            <a:endParaRPr lang="en-GB" dirty="0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455613" y="720725"/>
            <a:ext cx="6403975" cy="36004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6661" tIns="48331" rIns="96661" bIns="48331" rtlCol="0" anchor="ctr"/>
          <a:lstStyle/>
          <a:p>
            <a:endParaRPr lang="de-DE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406400" y="4560570"/>
            <a:ext cx="6502400" cy="4320540"/>
          </a:xfrm>
          <a:prstGeom prst="rect">
            <a:avLst/>
          </a:prstGeom>
        </p:spPr>
        <p:txBody>
          <a:bodyPr vert="horz" lIns="0" tIns="0" rIns="0" bIns="0" rtlCol="0"/>
          <a:lstStyle/>
          <a:p>
            <a:pPr lvl="0"/>
            <a:r>
              <a:rPr lang="en-GB" dirty="0"/>
              <a:t>First level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s level</a:t>
            </a:r>
          </a:p>
          <a:p>
            <a:pPr lvl="4"/>
            <a:r>
              <a:rPr lang="en-GB" dirty="0"/>
              <a:t>Fifths level</a:t>
            </a:r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0" y="9119474"/>
            <a:ext cx="3169920" cy="480060"/>
          </a:xfrm>
          <a:prstGeom prst="rect">
            <a:avLst/>
          </a:prstGeom>
        </p:spPr>
        <p:txBody>
          <a:bodyPr vert="horz" lIns="96661" tIns="48331" rIns="96661" bIns="48331" rtlCol="0" anchor="b"/>
          <a:lstStyle>
            <a:lvl1pPr algn="l">
              <a:defRPr sz="1300">
                <a:solidFill>
                  <a:schemeClr val="tx1"/>
                </a:solidFill>
              </a:defRPr>
            </a:lvl1pPr>
          </a:lstStyle>
          <a:p>
            <a:r>
              <a:rPr lang="en-GB" dirty="0"/>
              <a:t>Footer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4143587" y="9119474"/>
            <a:ext cx="3169920" cy="480060"/>
          </a:xfrm>
          <a:prstGeom prst="rect">
            <a:avLst/>
          </a:prstGeom>
        </p:spPr>
        <p:txBody>
          <a:bodyPr vert="horz" lIns="96661" tIns="48331" rIns="96661" bIns="48331" rtlCol="0" anchor="b"/>
          <a:lstStyle>
            <a:lvl1pPr algn="r">
              <a:defRPr sz="1300">
                <a:solidFill>
                  <a:schemeClr val="tx1"/>
                </a:solidFill>
              </a:defRPr>
            </a:lvl1pPr>
          </a:lstStyle>
          <a:p>
            <a:fld id="{5F2B916F-318E-4940-99D2-6F2A912A4D17}" type="slidenum">
              <a:rPr lang="en-GB" smtClean="0"/>
              <a:pPr/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363565599"/>
      </p:ext>
    </p:extLst>
  </p:cSld>
  <p:clrMap bg1="dk1" tx1="lt1" bg2="dk2" tx2="lt2" accent1="accent1" accent2="accent2" accent3="accent3" accent4="accent4" accent5="accent5" accent6="accent6" hlink="hlink" folHlink="folHlink"/>
  <p:notesStyle>
    <a:lvl1pPr marL="0" algn="l" defTabSz="1088959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1pPr>
    <a:lvl2pPr marL="177800" indent="-177800" algn="l" defTabSz="1088959" rtl="0" eaLnBrk="1" latinLnBrk="0" hangingPunct="1">
      <a:buClr>
        <a:schemeClr val="bg2"/>
      </a:buClr>
      <a:buFont typeface="Arial" panose="020B0604020202020204" pitchFamily="34" charset="0"/>
      <a:buChar char="•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361950" indent="-184150" algn="l" defTabSz="1088959" rtl="0" eaLnBrk="1" latinLnBrk="0" hangingPunct="1">
      <a:buClr>
        <a:schemeClr val="bg2"/>
      </a:buClr>
      <a:buFont typeface="Arial" panose="020B0604020202020204" pitchFamily="34" charset="0"/>
      <a:buChar char="•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539750" indent="-177800" algn="l" defTabSz="1088959" rtl="0" eaLnBrk="1" latinLnBrk="0" hangingPunct="1">
      <a:buClr>
        <a:schemeClr val="bg2"/>
      </a:buClr>
      <a:buFont typeface="Arial" panose="020B0604020202020204" pitchFamily="34" charset="0"/>
      <a:buChar char="•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717550" indent="-177800" algn="l" defTabSz="1088959" rtl="0" eaLnBrk="1" latinLnBrk="0" hangingPunct="1">
      <a:buClr>
        <a:schemeClr val="bg2"/>
      </a:buClr>
      <a:buFont typeface="Arial" panose="020B0604020202020204" pitchFamily="34" charset="0"/>
      <a:buChar char="•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2722397" algn="l" defTabSz="1088959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3266877" algn="l" defTabSz="1088959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3811356" algn="l" defTabSz="1088959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4355836" algn="l" defTabSz="1088959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3" Type="http://schemas.openxmlformats.org/officeDocument/2006/relationships/hyperlink" Target="https://cyber-dojo.org/kata/edit/D6HyKm" TargetMode="External"/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2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802273659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11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54489076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457200" indent="-457200">
              <a:buAutoNum type="arabicPlain"/>
            </a:pPr>
            <a:r>
              <a:rPr lang="en-US" dirty="0"/>
              <a:t>Every line of code, every method is tested.</a:t>
            </a:r>
          </a:p>
          <a:p>
            <a:pPr marL="457200" indent="-457200"/>
            <a:r>
              <a:rPr lang="en-US" dirty="0"/>
              <a:t>	-	While new code is added, we would know if our code breaks some other functionality.</a:t>
            </a:r>
          </a:p>
          <a:p>
            <a:pPr marL="457200" indent="-457200">
              <a:buAutoNum type="arabicPlain" startAt="2"/>
            </a:pPr>
            <a:r>
              <a:rPr lang="en-US" dirty="0"/>
              <a:t>Writing test first, forces us to think from a different point of view. </a:t>
            </a:r>
          </a:p>
          <a:p>
            <a:pPr marL="457200" indent="-457200"/>
            <a:r>
              <a:rPr lang="en-US" dirty="0"/>
              <a:t>	-	We will try to make methods/classes conveniently callable.</a:t>
            </a:r>
          </a:p>
          <a:p>
            <a:pPr marL="457200" indent="-457200"/>
            <a:endParaRPr lang="en-US" dirty="0"/>
          </a:p>
          <a:p>
            <a:pPr marL="457200" indent="-457200">
              <a:buAutoNum type="arabicPlain" startAt="3"/>
            </a:pPr>
            <a:r>
              <a:rPr lang="en-US" dirty="0"/>
              <a:t>We make the code testable.</a:t>
            </a:r>
          </a:p>
          <a:p>
            <a:pPr marL="457200" indent="-457200"/>
            <a:r>
              <a:rPr lang="en-US" dirty="0"/>
              <a:t>	- 	Writing test first forces us to decouple the software.</a:t>
            </a:r>
          </a:p>
          <a:p>
            <a:pPr marL="457200" indent="-457200"/>
            <a:endParaRPr lang="en-US" dirty="0"/>
          </a:p>
          <a:p>
            <a:pPr marL="457200" indent="-457200">
              <a:buAutoNum type="arabicPlain" startAt="4"/>
            </a:pPr>
            <a:r>
              <a:rPr lang="en-US" dirty="0"/>
              <a:t>Writing test first, acts as a form of documentation.</a:t>
            </a:r>
          </a:p>
          <a:p>
            <a:pPr marL="1001679" lvl="1" indent="-457200">
              <a:buFontTx/>
              <a:buChar char="-"/>
            </a:pPr>
            <a:r>
              <a:rPr lang="en-US" dirty="0"/>
              <a:t>How to call a function or create a object can be directly viewed from tests.</a:t>
            </a:r>
          </a:p>
          <a:p>
            <a:pPr marL="457200" indent="-457200"/>
            <a:endParaRPr lang="en-US" dirty="0"/>
          </a:p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12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802273659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13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802273659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dirty="0"/>
              <a:t>https://cuckoo.team/</a:t>
            </a:r>
          </a:p>
          <a:p>
            <a:r>
              <a:rPr lang="en-GB" dirty="0"/>
              <a:t>https://mobti.me/</a:t>
            </a:r>
          </a:p>
          <a:p>
            <a:r>
              <a:rPr lang="en-GB" dirty="0"/>
              <a:t>https://cyber-dojo.org</a:t>
            </a: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14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630592829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dirty="0"/>
              <a:t>https://cuckoo.team/</a:t>
            </a:r>
          </a:p>
          <a:p>
            <a:r>
              <a:rPr lang="en-GB" dirty="0"/>
              <a:t>https://mobti.me/</a:t>
            </a:r>
          </a:p>
          <a:p>
            <a:r>
              <a:rPr lang="en-US">
                <a:hlinkClick r:id="rId3"/>
              </a:rPr>
              <a:t>https://cyber-dojo.org/kata/edit/D6HyKm</a:t>
            </a: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15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79463289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3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80227365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4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802273659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5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97929898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6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4480187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7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27772626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8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53395960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9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912219214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F2B916F-318E-4940-99D2-6F2A912A4D17}" type="slidenum">
              <a:rPr lang="en-GB" smtClean="0"/>
              <a:pPr/>
              <a:t>10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7474602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4" Type="http://schemas.openxmlformats.org/officeDocument/2006/relationships/image" Target="../media/image1.png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6.xml"/><Relationship Id="rId7" Type="http://schemas.openxmlformats.org/officeDocument/2006/relationships/image" Target="../media/image3.jpeg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9.xml"/><Relationship Id="rId7" Type="http://schemas.openxmlformats.org/officeDocument/2006/relationships/image" Target="../media/image4.emf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.bin"/><Relationship Id="rId4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7" Type="http://schemas.openxmlformats.org/officeDocument/2006/relationships/image" Target="../media/image5.emf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tags" Target="../tags/tag15.xml"/><Relationship Id="rId7" Type="http://schemas.openxmlformats.org/officeDocument/2006/relationships/image" Target="../media/image6.emf"/><Relationship Id="rId2" Type="http://schemas.openxmlformats.org/officeDocument/2006/relationships/tags" Target="../tags/tag14.xml"/><Relationship Id="rId1" Type="http://schemas.openxmlformats.org/officeDocument/2006/relationships/tags" Target="../tags/tag13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.bin"/><Relationship Id="rId4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tags" Target="../tags/tag18.xml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4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0.xml"/><Relationship Id="rId1" Type="http://schemas.openxmlformats.org/officeDocument/2006/relationships/tags" Target="../tags/tag19.xml"/><Relationship Id="rId6" Type="http://schemas.openxmlformats.org/officeDocument/2006/relationships/image" Target="../media/image8.jpeg"/><Relationship Id="rId5" Type="http://schemas.openxmlformats.org/officeDocument/2006/relationships/image" Target="../media/image7.emf"/><Relationship Id="rId4" Type="http://schemas.openxmlformats.org/officeDocument/2006/relationships/oleObject" Target="../embeddings/oleObject5.bin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2.xml"/><Relationship Id="rId1" Type="http://schemas.openxmlformats.org/officeDocument/2006/relationships/tags" Target="../tags/tag21.xml"/><Relationship Id="rId6" Type="http://schemas.openxmlformats.org/officeDocument/2006/relationships/image" Target="../media/image9.emf"/><Relationship Id="rId5" Type="http://schemas.openxmlformats.org/officeDocument/2006/relationships/image" Target="../media/image7.emf"/><Relationship Id="rId4" Type="http://schemas.openxmlformats.org/officeDocument/2006/relationships/oleObject" Target="../embeddings/oleObject6.bin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6" Type="http://schemas.openxmlformats.org/officeDocument/2006/relationships/image" Target="../media/image10.emf"/><Relationship Id="rId5" Type="http://schemas.openxmlformats.org/officeDocument/2006/relationships/image" Target="../media/image7.emf"/><Relationship Id="rId4" Type="http://schemas.openxmlformats.org/officeDocument/2006/relationships/oleObject" Target="../embeddings/oleObject7.bin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6" Type="http://schemas.openxmlformats.org/officeDocument/2006/relationships/image" Target="../media/image11.emf"/><Relationship Id="rId5" Type="http://schemas.openxmlformats.org/officeDocument/2006/relationships/image" Target="../media/image7.emf"/><Relationship Id="rId4" Type="http://schemas.openxmlformats.org/officeDocument/2006/relationships/oleObject" Target="../embeddings/oleObject8.bin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8.xml"/><Relationship Id="rId1" Type="http://schemas.openxmlformats.org/officeDocument/2006/relationships/tags" Target="../tags/tag27.xml"/><Relationship Id="rId6" Type="http://schemas.openxmlformats.org/officeDocument/2006/relationships/image" Target="../media/image12.emf"/><Relationship Id="rId5" Type="http://schemas.openxmlformats.org/officeDocument/2006/relationships/image" Target="../media/image7.emf"/><Relationship Id="rId4" Type="http://schemas.openxmlformats.org/officeDocument/2006/relationships/oleObject" Target="../embeddings/oleObject9.bin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6" Type="http://schemas.openxmlformats.org/officeDocument/2006/relationships/image" Target="../media/image13.jpeg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.bin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2.xml"/><Relationship Id="rId1" Type="http://schemas.openxmlformats.org/officeDocument/2006/relationships/tags" Target="../tags/tag31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1.bin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2.bin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tags" Target="../tags/tag37.xml"/><Relationship Id="rId7" Type="http://schemas.openxmlformats.org/officeDocument/2006/relationships/image" Target="../media/image1.png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3.bin"/><Relationship Id="rId4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tags" Target="../tags/tag40.xml"/><Relationship Id="rId7" Type="http://schemas.openxmlformats.org/officeDocument/2006/relationships/image" Target="../media/image1.png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4.bin"/><Relationship Id="rId4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tags" Target="../tags/tag43.xml"/><Relationship Id="rId7" Type="http://schemas.openxmlformats.org/officeDocument/2006/relationships/image" Target="../media/image1.png"/><Relationship Id="rId2" Type="http://schemas.openxmlformats.org/officeDocument/2006/relationships/tags" Target="../tags/tag42.xml"/><Relationship Id="rId1" Type="http://schemas.openxmlformats.org/officeDocument/2006/relationships/tags" Target="../tags/tag41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5.bin"/><Relationship Id="rId4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7" Type="http://schemas.openxmlformats.org/officeDocument/2006/relationships/image" Target="../media/image1.png"/><Relationship Id="rId2" Type="http://schemas.openxmlformats.org/officeDocument/2006/relationships/tags" Target="../tags/tag45.xml"/><Relationship Id="rId1" Type="http://schemas.openxmlformats.org/officeDocument/2006/relationships/tags" Target="../tags/tag44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6.bin"/><Relationship Id="rId4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8.xml"/><Relationship Id="rId1" Type="http://schemas.openxmlformats.org/officeDocument/2006/relationships/tags" Target="../tags/tag47.xml"/><Relationship Id="rId4" Type="http://schemas.openxmlformats.org/officeDocument/2006/relationships/image" Target="../media/image1.png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tags" Target="../tags/tag51.xml"/><Relationship Id="rId7" Type="http://schemas.openxmlformats.org/officeDocument/2006/relationships/image" Target="../media/image1.png"/><Relationship Id="rId2" Type="http://schemas.openxmlformats.org/officeDocument/2006/relationships/tags" Target="../tags/tag50.xml"/><Relationship Id="rId1" Type="http://schemas.openxmlformats.org/officeDocument/2006/relationships/tags" Target="../tags/tag49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7.bin"/><Relationship Id="rId4" Type="http://schemas.openxmlformats.org/officeDocument/2006/relationships/slideMaster" Target="../slideMasters/slideMaster1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tags" Target="../tags/tag54.xml"/><Relationship Id="rId7" Type="http://schemas.openxmlformats.org/officeDocument/2006/relationships/image" Target="../media/image1.png"/><Relationship Id="rId2" Type="http://schemas.openxmlformats.org/officeDocument/2006/relationships/tags" Target="../tags/tag53.xml"/><Relationship Id="rId1" Type="http://schemas.openxmlformats.org/officeDocument/2006/relationships/tags" Target="../tags/tag52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8.bin"/><Relationship Id="rId4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tags" Target="../tags/tag57.xml"/><Relationship Id="rId7" Type="http://schemas.openxmlformats.org/officeDocument/2006/relationships/image" Target="../media/image1.png"/><Relationship Id="rId2" Type="http://schemas.openxmlformats.org/officeDocument/2006/relationships/tags" Target="../tags/tag56.xml"/><Relationship Id="rId1" Type="http://schemas.openxmlformats.org/officeDocument/2006/relationships/tags" Target="../tags/tag55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9.bin"/><Relationship Id="rId4" Type="http://schemas.openxmlformats.org/officeDocument/2006/relationships/slideMaster" Target="../slideMasters/slideMaster1.xml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tags" Target="../tags/tag60.xml"/><Relationship Id="rId7" Type="http://schemas.openxmlformats.org/officeDocument/2006/relationships/image" Target="../media/image1.png"/><Relationship Id="rId2" Type="http://schemas.openxmlformats.org/officeDocument/2006/relationships/tags" Target="../tags/tag59.xml"/><Relationship Id="rId1" Type="http://schemas.openxmlformats.org/officeDocument/2006/relationships/tags" Target="../tags/tag58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0.bin"/><Relationship Id="rId4" Type="http://schemas.openxmlformats.org/officeDocument/2006/relationships/slideMaster" Target="../slideMasters/slideMaster1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2.xml"/><Relationship Id="rId1" Type="http://schemas.openxmlformats.org/officeDocument/2006/relationships/tags" Target="../tags/tag61.xml"/><Relationship Id="rId4" Type="http://schemas.openxmlformats.org/officeDocument/2006/relationships/image" Target="../media/image1.png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tags" Target="../tags/tag65.xml"/><Relationship Id="rId7" Type="http://schemas.openxmlformats.org/officeDocument/2006/relationships/image" Target="../media/image1.png"/><Relationship Id="rId2" Type="http://schemas.openxmlformats.org/officeDocument/2006/relationships/tags" Target="../tags/tag64.xml"/><Relationship Id="rId1" Type="http://schemas.openxmlformats.org/officeDocument/2006/relationships/tags" Target="../tags/tag63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1.bin"/><Relationship Id="rId4" Type="http://schemas.openxmlformats.org/officeDocument/2006/relationships/slideMaster" Target="../slideMasters/slideMaster1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tags" Target="../tags/tag68.xml"/><Relationship Id="rId7" Type="http://schemas.openxmlformats.org/officeDocument/2006/relationships/image" Target="../media/image1.png"/><Relationship Id="rId2" Type="http://schemas.openxmlformats.org/officeDocument/2006/relationships/tags" Target="../tags/tag67.xml"/><Relationship Id="rId1" Type="http://schemas.openxmlformats.org/officeDocument/2006/relationships/tags" Target="../tags/tag66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2.bin"/><Relationship Id="rId4" Type="http://schemas.openxmlformats.org/officeDocument/2006/relationships/slideMaster" Target="../slideMasters/slideMaster1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tags" Target="../tags/tag71.xml"/><Relationship Id="rId7" Type="http://schemas.openxmlformats.org/officeDocument/2006/relationships/image" Target="../media/image1.png"/><Relationship Id="rId2" Type="http://schemas.openxmlformats.org/officeDocument/2006/relationships/tags" Target="../tags/tag70.xml"/><Relationship Id="rId1" Type="http://schemas.openxmlformats.org/officeDocument/2006/relationships/tags" Target="../tags/tag69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3.bin"/><Relationship Id="rId4" Type="http://schemas.openxmlformats.org/officeDocument/2006/relationships/slideMaster" Target="../slideMasters/slideMaster1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tags" Target="../tags/tag74.xml"/><Relationship Id="rId7" Type="http://schemas.openxmlformats.org/officeDocument/2006/relationships/image" Target="../media/image1.png"/><Relationship Id="rId2" Type="http://schemas.openxmlformats.org/officeDocument/2006/relationships/tags" Target="../tags/tag73.xml"/><Relationship Id="rId1" Type="http://schemas.openxmlformats.org/officeDocument/2006/relationships/tags" Target="../tags/tag72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4.bin"/><Relationship Id="rId4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tags" Target="../tags/tag77.xml"/><Relationship Id="rId7" Type="http://schemas.openxmlformats.org/officeDocument/2006/relationships/image" Target="../media/image1.png"/><Relationship Id="rId2" Type="http://schemas.openxmlformats.org/officeDocument/2006/relationships/tags" Target="../tags/tag76.xml"/><Relationship Id="rId1" Type="http://schemas.openxmlformats.org/officeDocument/2006/relationships/tags" Target="../tags/tag75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5.bin"/><Relationship Id="rId4" Type="http://schemas.openxmlformats.org/officeDocument/2006/relationships/slideMaster" Target="../slideMasters/slideMaster1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tags" Target="../tags/tag80.xml"/><Relationship Id="rId7" Type="http://schemas.openxmlformats.org/officeDocument/2006/relationships/image" Target="../media/image1.png"/><Relationship Id="rId2" Type="http://schemas.openxmlformats.org/officeDocument/2006/relationships/tags" Target="../tags/tag79.xml"/><Relationship Id="rId1" Type="http://schemas.openxmlformats.org/officeDocument/2006/relationships/tags" Target="../tags/tag78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6.bin"/><Relationship Id="rId4" Type="http://schemas.openxmlformats.org/officeDocument/2006/relationships/slideMaster" Target="../slideMasters/slideMaster1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tags" Target="../tags/tag83.xml"/><Relationship Id="rId7" Type="http://schemas.openxmlformats.org/officeDocument/2006/relationships/image" Target="../media/image1.png"/><Relationship Id="rId2" Type="http://schemas.openxmlformats.org/officeDocument/2006/relationships/tags" Target="../tags/tag82.xml"/><Relationship Id="rId1" Type="http://schemas.openxmlformats.org/officeDocument/2006/relationships/tags" Target="../tags/tag81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7.bin"/><Relationship Id="rId4" Type="http://schemas.openxmlformats.org/officeDocument/2006/relationships/slideMaster" Target="../slideMasters/slideMaster1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tags" Target="../tags/tag86.xml"/><Relationship Id="rId7" Type="http://schemas.openxmlformats.org/officeDocument/2006/relationships/image" Target="../media/image1.png"/><Relationship Id="rId2" Type="http://schemas.openxmlformats.org/officeDocument/2006/relationships/tags" Target="../tags/tag85.xml"/><Relationship Id="rId1" Type="http://schemas.openxmlformats.org/officeDocument/2006/relationships/tags" Target="../tags/tag84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8.bin"/><Relationship Id="rId4" Type="http://schemas.openxmlformats.org/officeDocument/2006/relationships/slideMaster" Target="../slideMasters/slideMaster1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tags" Target="../tags/tag89.xml"/><Relationship Id="rId7" Type="http://schemas.openxmlformats.org/officeDocument/2006/relationships/image" Target="../media/image1.png"/><Relationship Id="rId2" Type="http://schemas.openxmlformats.org/officeDocument/2006/relationships/tags" Target="../tags/tag88.xml"/><Relationship Id="rId1" Type="http://schemas.openxmlformats.org/officeDocument/2006/relationships/tags" Target="../tags/tag87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9.bin"/><Relationship Id="rId4" Type="http://schemas.openxmlformats.org/officeDocument/2006/relationships/slideMaster" Target="../slideMasters/slideMaster1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1.xml"/><Relationship Id="rId1" Type="http://schemas.openxmlformats.org/officeDocument/2006/relationships/tags" Target="../tags/tag90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0.bin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tags" Target="../tags/tag94.xml"/><Relationship Id="rId7" Type="http://schemas.openxmlformats.org/officeDocument/2006/relationships/image" Target="../media/image1.png"/><Relationship Id="rId2" Type="http://schemas.openxmlformats.org/officeDocument/2006/relationships/tags" Target="../tags/tag93.xml"/><Relationship Id="rId1" Type="http://schemas.openxmlformats.org/officeDocument/2006/relationships/tags" Target="../tags/tag92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1.bin"/><Relationship Id="rId4" Type="http://schemas.openxmlformats.org/officeDocument/2006/relationships/slideMaster" Target="../slideMasters/slideMaster1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tags" Target="../tags/tag97.xml"/><Relationship Id="rId7" Type="http://schemas.openxmlformats.org/officeDocument/2006/relationships/image" Target="../media/image1.png"/><Relationship Id="rId2" Type="http://schemas.openxmlformats.org/officeDocument/2006/relationships/tags" Target="../tags/tag96.xml"/><Relationship Id="rId1" Type="http://schemas.openxmlformats.org/officeDocument/2006/relationships/tags" Target="../tags/tag95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2.bin"/><Relationship Id="rId4" Type="http://schemas.openxmlformats.org/officeDocument/2006/relationships/slideMaster" Target="../slideMasters/slideMaster1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tags" Target="../tags/tag100.xml"/><Relationship Id="rId7" Type="http://schemas.openxmlformats.org/officeDocument/2006/relationships/image" Target="../media/image1.png"/><Relationship Id="rId2" Type="http://schemas.openxmlformats.org/officeDocument/2006/relationships/tags" Target="../tags/tag99.xml"/><Relationship Id="rId1" Type="http://schemas.openxmlformats.org/officeDocument/2006/relationships/tags" Target="../tags/tag98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3.bin"/><Relationship Id="rId4" Type="http://schemas.openxmlformats.org/officeDocument/2006/relationships/slideMaster" Target="../slideMasters/slideMaster1.xml"/></Relationships>
</file>

<file path=ppt/slideLayouts/_rels/slideLayout4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jpeg"/><Relationship Id="rId3" Type="http://schemas.openxmlformats.org/officeDocument/2006/relationships/tags" Target="../tags/tag103.xml"/><Relationship Id="rId7" Type="http://schemas.openxmlformats.org/officeDocument/2006/relationships/image" Target="../media/image15.jpeg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4.bin"/><Relationship Id="rId10" Type="http://schemas.openxmlformats.org/officeDocument/2006/relationships/image" Target="../media/image1.png"/><Relationship Id="rId4" Type="http://schemas.openxmlformats.org/officeDocument/2006/relationships/slideMaster" Target="../slideMasters/slideMaster1.xml"/><Relationship Id="rId9" Type="http://schemas.openxmlformats.org/officeDocument/2006/relationships/image" Target="../media/image17.jpeg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9.jpeg"/><Relationship Id="rId3" Type="http://schemas.openxmlformats.org/officeDocument/2006/relationships/tags" Target="../tags/tag106.xml"/><Relationship Id="rId7" Type="http://schemas.openxmlformats.org/officeDocument/2006/relationships/image" Target="../media/image18.jpeg"/><Relationship Id="rId2" Type="http://schemas.openxmlformats.org/officeDocument/2006/relationships/tags" Target="../tags/tag105.xml"/><Relationship Id="rId1" Type="http://schemas.openxmlformats.org/officeDocument/2006/relationships/tags" Target="../tags/tag104.xml"/><Relationship Id="rId6" Type="http://schemas.openxmlformats.org/officeDocument/2006/relationships/image" Target="../media/image2.emf"/><Relationship Id="rId11" Type="http://schemas.openxmlformats.org/officeDocument/2006/relationships/image" Target="../media/image1.png"/><Relationship Id="rId5" Type="http://schemas.openxmlformats.org/officeDocument/2006/relationships/oleObject" Target="../embeddings/oleObject35.bin"/><Relationship Id="rId10" Type="http://schemas.openxmlformats.org/officeDocument/2006/relationships/image" Target="../media/image21.jpeg"/><Relationship Id="rId4" Type="http://schemas.openxmlformats.org/officeDocument/2006/relationships/slideMaster" Target="../slideMasters/slideMaster1.xml"/><Relationship Id="rId9" Type="http://schemas.openxmlformats.org/officeDocument/2006/relationships/image" Target="../media/image20.jpeg"/></Relationships>
</file>

<file path=ppt/slideLayouts/_rels/slideLayout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3.jpeg"/><Relationship Id="rId3" Type="http://schemas.openxmlformats.org/officeDocument/2006/relationships/tags" Target="../tags/tag109.xml"/><Relationship Id="rId7" Type="http://schemas.openxmlformats.org/officeDocument/2006/relationships/image" Target="../media/image22.jpeg"/><Relationship Id="rId12" Type="http://schemas.openxmlformats.org/officeDocument/2006/relationships/image" Target="../media/image1.png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6" Type="http://schemas.openxmlformats.org/officeDocument/2006/relationships/image" Target="../media/image2.emf"/><Relationship Id="rId11" Type="http://schemas.openxmlformats.org/officeDocument/2006/relationships/image" Target="../media/image26.jpeg"/><Relationship Id="rId5" Type="http://schemas.openxmlformats.org/officeDocument/2006/relationships/oleObject" Target="../embeddings/oleObject36.bin"/><Relationship Id="rId10" Type="http://schemas.openxmlformats.org/officeDocument/2006/relationships/image" Target="../media/image25.jpeg"/><Relationship Id="rId4" Type="http://schemas.openxmlformats.org/officeDocument/2006/relationships/slideMaster" Target="../slideMasters/slideMaster1.xml"/><Relationship Id="rId9" Type="http://schemas.openxmlformats.org/officeDocument/2006/relationships/image" Target="../media/image24.jpeg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1.xml"/><Relationship Id="rId1" Type="http://schemas.openxmlformats.org/officeDocument/2006/relationships/tags" Target="../tags/tag110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7.bin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3.xml"/><Relationship Id="rId1" Type="http://schemas.openxmlformats.org/officeDocument/2006/relationships/tags" Target="../tags/tag112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8.bin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6" Type="http://schemas.openxmlformats.org/officeDocument/2006/relationships/image" Target="../media/image27.jpe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7.xml"/><Relationship Id="rId1" Type="http://schemas.openxmlformats.org/officeDocument/2006/relationships/tags" Target="../tags/tag116.xml"/><Relationship Id="rId6" Type="http://schemas.openxmlformats.org/officeDocument/2006/relationships/image" Target="../media/image28.jpe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0.bin"/></Relationships>
</file>

<file path=ppt/slideLayouts/_rels/slideLayout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png"/><Relationship Id="rId3" Type="http://schemas.openxmlformats.org/officeDocument/2006/relationships/tags" Target="../tags/tag120.xml"/><Relationship Id="rId7" Type="http://schemas.openxmlformats.org/officeDocument/2006/relationships/image" Target="../media/image29.jpeg"/><Relationship Id="rId2" Type="http://schemas.openxmlformats.org/officeDocument/2006/relationships/tags" Target="../tags/tag119.xml"/><Relationship Id="rId1" Type="http://schemas.openxmlformats.org/officeDocument/2006/relationships/tags" Target="../tags/tag118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1.xml"/></Relationships>
</file>

<file path=ppt/slideLayouts/_rels/slideLayout5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png"/><Relationship Id="rId3" Type="http://schemas.openxmlformats.org/officeDocument/2006/relationships/tags" Target="../tags/tag123.xml"/><Relationship Id="rId7" Type="http://schemas.openxmlformats.org/officeDocument/2006/relationships/image" Target="../media/image29.jpeg"/><Relationship Id="rId2" Type="http://schemas.openxmlformats.org/officeDocument/2006/relationships/tags" Target="../tags/tag122.xml"/><Relationship Id="rId1" Type="http://schemas.openxmlformats.org/officeDocument/2006/relationships/tags" Target="../tags/tag121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2.bin"/><Relationship Id="rId4" Type="http://schemas.openxmlformats.org/officeDocument/2006/relationships/slideMaster" Target="../slideMasters/slideMaster1.xml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tags" Target="../tags/tag126.xml"/><Relationship Id="rId7" Type="http://schemas.openxmlformats.org/officeDocument/2006/relationships/image" Target="../media/image1.png"/><Relationship Id="rId2" Type="http://schemas.openxmlformats.org/officeDocument/2006/relationships/tags" Target="../tags/tag125.xml"/><Relationship Id="rId1" Type="http://schemas.openxmlformats.org/officeDocument/2006/relationships/tags" Target="../tags/tag124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3.bin"/><Relationship Id="rId4" Type="http://schemas.openxmlformats.org/officeDocument/2006/relationships/slideMaster" Target="../slideMasters/slideMaster1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tags" Target="../tags/tag129.xml"/><Relationship Id="rId7" Type="http://schemas.openxmlformats.org/officeDocument/2006/relationships/image" Target="../media/image30.emf"/><Relationship Id="rId2" Type="http://schemas.openxmlformats.org/officeDocument/2006/relationships/tags" Target="../tags/tag128.xml"/><Relationship Id="rId1" Type="http://schemas.openxmlformats.org/officeDocument/2006/relationships/tags" Target="../tags/tag127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4.bin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35.xml"/><Relationship Id="rId1" Type="http://schemas.openxmlformats.org/officeDocument/2006/relationships/tags" Target="../tags/tag134.xml"/><Relationship Id="rId4" Type="http://schemas.openxmlformats.org/officeDocument/2006/relationships/image" Target="../media/image1.png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37.xml"/><Relationship Id="rId1" Type="http://schemas.openxmlformats.org/officeDocument/2006/relationships/tags" Target="../tags/tag136.xml"/><Relationship Id="rId4" Type="http://schemas.openxmlformats.org/officeDocument/2006/relationships/image" Target="../media/image1.png"/></Relationships>
</file>

<file path=ppt/slideLayouts/_rels/slideLayout7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39.xml"/><Relationship Id="rId1" Type="http://schemas.openxmlformats.org/officeDocument/2006/relationships/tags" Target="../tags/tag138.xml"/><Relationship Id="rId4" Type="http://schemas.openxmlformats.org/officeDocument/2006/relationships/image" Target="../media/image1.png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tags" Target="../tags/tag142.xml"/><Relationship Id="rId7" Type="http://schemas.openxmlformats.org/officeDocument/2006/relationships/image" Target="../media/image1.png"/><Relationship Id="rId2" Type="http://schemas.openxmlformats.org/officeDocument/2006/relationships/tags" Target="../tags/tag141.xml"/><Relationship Id="rId1" Type="http://schemas.openxmlformats.org/officeDocument/2006/relationships/tags" Target="../tags/tag140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6.bin"/><Relationship Id="rId4" Type="http://schemas.openxmlformats.org/officeDocument/2006/relationships/slideMaster" Target="../slideMasters/slideMaster3.xml"/></Relationships>
</file>

<file path=ppt/slideLayouts/_rels/slideLayout75.xml.rels><?xml version="1.0" encoding="UTF-8" standalone="yes"?>
<Relationships xmlns="http://schemas.openxmlformats.org/package/2006/relationships"><Relationship Id="rId3" Type="http://schemas.openxmlformats.org/officeDocument/2006/relationships/tags" Target="../tags/tag145.xml"/><Relationship Id="rId7" Type="http://schemas.openxmlformats.org/officeDocument/2006/relationships/image" Target="../media/image1.png"/><Relationship Id="rId2" Type="http://schemas.openxmlformats.org/officeDocument/2006/relationships/tags" Target="../tags/tag144.xml"/><Relationship Id="rId1" Type="http://schemas.openxmlformats.org/officeDocument/2006/relationships/tags" Target="../tags/tag143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7.bin"/><Relationship Id="rId4" Type="http://schemas.openxmlformats.org/officeDocument/2006/relationships/slideMaster" Target="../slideMasters/slideMaster3.xml"/></Relationships>
</file>

<file path=ppt/slideLayouts/_rels/slideLayout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8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147.xml"/><Relationship Id="rId1" Type="http://schemas.openxmlformats.org/officeDocument/2006/relationships/tags" Target="../tags/tag146.xml"/><Relationship Id="rId4" Type="http://schemas.openxmlformats.org/officeDocument/2006/relationships/image" Target="../media/image1.png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14400" y="2130425"/>
            <a:ext cx="10369550" cy="147161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30388" y="3887788"/>
            <a:ext cx="8537575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843963" y="274638"/>
            <a:ext cx="2744787" cy="5853112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09600" y="274638"/>
            <a:ext cx="8081963" cy="5853112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600" y="1630363"/>
            <a:ext cx="11160125" cy="2308324"/>
          </a:xfrm>
        </p:spPr>
        <p:txBody>
          <a:bodyPr>
            <a:spAutoFit/>
          </a:bodyPr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wrap="square" anchor="b">
            <a:spAutoFit/>
          </a:bodyPr>
          <a:lstStyle>
            <a:lvl1pPr>
              <a:defRPr sz="1000" b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3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1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12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4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15" name="Picture 20"/>
              <p:cNvPicPr>
                <a:picLocks noChangeAspect="1" noChangeArrowheads="1"/>
              </p:cNvPicPr>
              <p:nvPr/>
            </p:nvPicPr>
            <p:blipFill rotWithShape="1">
              <a:blip r:embed="rId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  <p:sp>
        <p:nvSpPr>
          <p:cNvPr id="18" name="Text Placeholder 17"/>
          <p:cNvSpPr>
            <a:spLocks noGrp="1"/>
          </p:cNvSpPr>
          <p:nvPr>
            <p:ph type="body" sz="quarter" idx="12"/>
          </p:nvPr>
        </p:nvSpPr>
        <p:spPr>
          <a:xfrm>
            <a:off x="10766425" y="6499225"/>
            <a:ext cx="914400" cy="914400"/>
          </a:xfrm>
        </p:spPr>
        <p:txBody>
          <a:bodyPr/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97478606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Intro Title Picture">
    <p:bg>
      <p:bgRef idx="1001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725961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20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88" name="Abgerundetes Rechteck 87"/>
          <p:cNvSpPr/>
          <p:nvPr userDrawn="1"/>
        </p:nvSpPr>
        <p:spPr>
          <a:xfrm>
            <a:off x="12649206" y="1625865"/>
            <a:ext cx="1865457" cy="1442613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Placeholder Eye-catcher </a:t>
            </a:r>
            <a:br>
              <a:rPr lang="en-US" sz="1100" b="1" dirty="0">
                <a:solidFill>
                  <a:srgbClr val="2D1E1C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for notes and third party logos</a:t>
            </a:r>
          </a:p>
          <a:p>
            <a:r>
              <a:rPr lang="en-US" sz="1100" dirty="0">
                <a:solidFill>
                  <a:schemeClr val="bg1"/>
                </a:solidFill>
                <a:latin typeface="+mn-lt"/>
              </a:rPr>
              <a:t>Placement can be varied  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in</a:t>
            </a:r>
            <a:r>
              <a:rPr lang="en-US" sz="1100" baseline="0" dirty="0">
                <a:solidFill>
                  <a:schemeClr val="bg1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heights.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If it is</a:t>
            </a:r>
            <a:r>
              <a:rPr lang="en-US" sz="1100" baseline="0" dirty="0">
                <a:solidFill>
                  <a:schemeClr val="bg1"/>
                </a:solidFill>
                <a:latin typeface="+mn-lt"/>
              </a:rPr>
              <a:t> 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not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needed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, please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delete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 this element.</a:t>
            </a:r>
          </a:p>
        </p:txBody>
      </p:sp>
      <p:sp>
        <p:nvSpPr>
          <p:cNvPr id="49" name="Abgerundetes Rechteck 87"/>
          <p:cNvSpPr/>
          <p:nvPr userDrawn="1"/>
        </p:nvSpPr>
        <p:spPr>
          <a:xfrm>
            <a:off x="12649206" y="-1"/>
            <a:ext cx="1865457" cy="1498169"/>
          </a:xfrm>
          <a:prstGeom prst="roundRect">
            <a:avLst>
              <a:gd name="adj" fmla="val 0"/>
            </a:avLst>
          </a:prstGeom>
          <a:solidFill>
            <a:srgbClr val="EC660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b="0">
                <a:solidFill>
                  <a:schemeClr val="bg1"/>
                </a:solidFill>
                <a:latin typeface="+mn-lt"/>
              </a:rPr>
              <a:t>This presentation works with the preinstalled Office-font, Calibri. If you send it to someone Unrestrictedally or externally, please convert it into a pdf to ensure that the content stays as intended.</a:t>
            </a:r>
            <a:endParaRPr lang="en-US" sz="1100" b="1" dirty="0">
              <a:solidFill>
                <a:schemeClr val="tx1"/>
              </a:solidFill>
              <a:latin typeface="+mn-lt"/>
            </a:endParaRPr>
          </a:p>
        </p:txBody>
      </p:sp>
      <p:pic>
        <p:nvPicPr>
          <p:cNvPr id="44" name="Picture 3" descr="C:\Users\z000cq2y\Desktop\NewB\12 top Applivations\Title1.jpg"/>
          <p:cNvPicPr>
            <a:picLocks noChangeAspect="1" noChangeArrowheads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74"/>
          <a:stretch/>
        </p:blipFill>
        <p:spPr bwMode="auto">
          <a:xfrm>
            <a:off x="0" y="1588"/>
            <a:ext cx="12198349" cy="685641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el 1"/>
          <p:cNvSpPr>
            <a:spLocks noGrp="1"/>
          </p:cNvSpPr>
          <p:nvPr>
            <p:ph type="ctrTitle" hasCustomPrompt="1"/>
          </p:nvPr>
        </p:nvSpPr>
        <p:spPr>
          <a:xfrm>
            <a:off x="482600" y="4275807"/>
            <a:ext cx="5651500" cy="553998"/>
          </a:xfrm>
        </p:spPr>
        <p:txBody>
          <a:bodyPr anchor="b">
            <a:spAutoFit/>
          </a:bodyPr>
          <a:lstStyle>
            <a:lvl1pPr algn="l">
              <a:spcBef>
                <a:spcPts val="0"/>
              </a:spcBef>
              <a:defRPr sz="3600" b="1">
                <a:solidFill>
                  <a:schemeClr val="accent2"/>
                </a:solidFill>
                <a:latin typeface="+mn-lt"/>
              </a:defRPr>
            </a:lvl1pPr>
          </a:lstStyle>
          <a:p>
            <a:r>
              <a:rPr lang="en-US" dirty="0"/>
              <a:t>Intro title, Calibri Bold, 36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3" name="Untertitel 2"/>
          <p:cNvSpPr>
            <a:spLocks noGrp="1"/>
          </p:cNvSpPr>
          <p:nvPr>
            <p:ph type="subTitle" idx="1" hasCustomPrompt="1"/>
          </p:nvPr>
        </p:nvSpPr>
        <p:spPr>
          <a:xfrm>
            <a:off x="482601" y="4830072"/>
            <a:ext cx="5651500" cy="1477328"/>
          </a:xfrm>
        </p:spPr>
        <p:txBody>
          <a:bodyPr>
            <a:spAutoFit/>
          </a:bodyPr>
          <a:lstStyle>
            <a:lvl1pPr marL="0" indent="0" algn="l">
              <a:spcBef>
                <a:spcPts val="0"/>
              </a:spcBef>
              <a:buNone/>
              <a:defRPr sz="4800" b="1" baseline="0">
                <a:solidFill>
                  <a:schemeClr val="tx2"/>
                </a:solidFill>
                <a:latin typeface="+mn-lt"/>
              </a:defRPr>
            </a:lvl1pPr>
            <a:lvl2pPr marL="5444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108895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63343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217791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7223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32668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8113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43558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       Title version 1,</a:t>
            </a:r>
            <a:br>
              <a:rPr lang="en-US" dirty="0"/>
            </a:br>
            <a:r>
              <a:rPr lang="en-US" dirty="0"/>
              <a:t>  Calibri Bold, 48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43" name="Abgerundetes Rechteck 42"/>
          <p:cNvSpPr/>
          <p:nvPr userDrawn="1"/>
        </p:nvSpPr>
        <p:spPr>
          <a:xfrm>
            <a:off x="12651640" y="4597807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Image</a:t>
            </a:r>
            <a:r>
              <a:rPr lang="en-US" sz="1100" dirty="0">
                <a:solidFill>
                  <a:srgbClr val="2D1E1C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must be exchanged 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on the slide master</a:t>
            </a:r>
          </a:p>
        </p:txBody>
      </p:sp>
      <p:sp>
        <p:nvSpPr>
          <p:cNvPr id="46" name="Abgerundetes Rechteck 45"/>
          <p:cNvSpPr/>
          <p:nvPr userDrawn="1"/>
        </p:nvSpPr>
        <p:spPr>
          <a:xfrm>
            <a:off x="12651640" y="6224588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dirty="0">
                <a:solidFill>
                  <a:schemeClr val="bg1"/>
                </a:solidFill>
                <a:latin typeface="+mn-lt"/>
              </a:rPr>
              <a:t>Customize </a:t>
            </a:r>
            <a:r>
              <a:rPr lang="en-US" sz="1100" b="1" dirty="0">
                <a:solidFill>
                  <a:srgbClr val="2D1E1C"/>
                </a:solidFill>
                <a:latin typeface="+mn-lt"/>
              </a:rPr>
              <a:t>footer</a:t>
            </a:r>
            <a:r>
              <a:rPr lang="en-US" sz="1100" dirty="0">
                <a:solidFill>
                  <a:srgbClr val="2D1E1C"/>
                </a:solidFill>
                <a:latin typeface="+mn-lt"/>
              </a:rPr>
              <a:t> </a:t>
            </a:r>
            <a:br>
              <a:rPr lang="en-US" sz="1100" dirty="0">
                <a:solidFill>
                  <a:srgbClr val="2D1E1C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in</a:t>
            </a:r>
            <a:r>
              <a:rPr lang="en-US" sz="1100" baseline="0" dirty="0">
                <a:solidFill>
                  <a:schemeClr val="bg1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the master view</a:t>
            </a:r>
          </a:p>
        </p:txBody>
      </p:sp>
      <p:sp>
        <p:nvSpPr>
          <p:cNvPr id="48" name="Textplatzhalter 12"/>
          <p:cNvSpPr>
            <a:spLocks noGrp="1"/>
          </p:cNvSpPr>
          <p:nvPr>
            <p:ph type="body" sz="quarter" idx="13" hasCustomPrompt="1"/>
          </p:nvPr>
        </p:nvSpPr>
        <p:spPr>
          <a:xfrm>
            <a:off x="10301466" y="1630363"/>
            <a:ext cx="1340949" cy="1340949"/>
          </a:xfrm>
          <a:prstGeom prst="ellipse">
            <a:avLst/>
          </a:prstGeom>
          <a:solidFill>
            <a:srgbClr val="EC6602"/>
          </a:solidFill>
        </p:spPr>
        <p:txBody>
          <a:bodyPr anchor="ctr"/>
          <a:lstStyle>
            <a:lvl1pPr algn="ctr">
              <a:defRPr sz="1400" b="1" i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/>
              <a:t> Eye-catcher for notes and third party logos</a:t>
            </a:r>
          </a:p>
        </p:txBody>
      </p:sp>
      <p:grpSp>
        <p:nvGrpSpPr>
          <p:cNvPr id="5" name="Gruppieren 4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47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9" name="Gruppieren 8"/>
            <p:cNvGrpSpPr/>
            <p:nvPr userDrawn="1"/>
          </p:nvGrpSpPr>
          <p:grpSpPr bwMode="gray">
            <a:xfrm>
              <a:off x="481775" y="337455"/>
              <a:ext cx="2815389" cy="662027"/>
              <a:chOff x="481775" y="337455"/>
              <a:chExt cx="2815389" cy="662027"/>
            </a:xfrm>
          </p:grpSpPr>
          <p:sp>
            <p:nvSpPr>
              <p:cNvPr id="56" name="Freihandform 55"/>
              <p:cNvSpPr>
                <a:spLocks noChangeArrowheads="1"/>
              </p:cNvSpPr>
              <p:nvPr/>
            </p:nvSpPr>
            <p:spPr bwMode="gray">
              <a:xfrm>
                <a:off x="2813076" y="444433"/>
                <a:ext cx="484088" cy="476290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7" name="Freihandform 56"/>
              <p:cNvSpPr>
                <a:spLocks noChangeArrowheads="1"/>
              </p:cNvSpPr>
              <p:nvPr/>
            </p:nvSpPr>
            <p:spPr bwMode="gray">
              <a:xfrm>
                <a:off x="1175199" y="337455"/>
                <a:ext cx="1597949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chemeClr val="accent3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8" name="Freihandform 57"/>
              <p:cNvSpPr>
                <a:spLocks noChangeArrowheads="1"/>
              </p:cNvSpPr>
              <p:nvPr/>
            </p:nvSpPr>
            <p:spPr bwMode="gray">
              <a:xfrm>
                <a:off x="481775" y="682626"/>
                <a:ext cx="2292197" cy="316856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chemeClr val="tx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grpSp>
        <p:nvGrpSpPr>
          <p:cNvPr id="10" name="Gruppieren 9"/>
          <p:cNvGrpSpPr/>
          <p:nvPr userDrawn="1"/>
        </p:nvGrpSpPr>
        <p:grpSpPr>
          <a:xfrm>
            <a:off x="-381000" y="-377826"/>
            <a:ext cx="12915900" cy="7610481"/>
            <a:chOff x="-381000" y="-377826"/>
            <a:chExt cx="12915900" cy="7610481"/>
          </a:xfrm>
        </p:grpSpPr>
        <p:cxnSp>
          <p:nvCxnSpPr>
            <p:cNvPr id="60" name="Gerade Verbindung 59"/>
            <p:cNvCxnSpPr/>
            <p:nvPr userDrawn="1"/>
          </p:nvCxnSpPr>
          <p:spPr>
            <a:xfrm flipH="1">
              <a:off x="-381000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1" name="Gerade Verbindung 60"/>
            <p:cNvCxnSpPr/>
            <p:nvPr userDrawn="1"/>
          </p:nvCxnSpPr>
          <p:spPr>
            <a:xfrm flipH="1">
              <a:off x="-381000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2" name="Gerade Verbindung 61"/>
            <p:cNvCxnSpPr/>
            <p:nvPr userDrawn="1"/>
          </p:nvCxnSpPr>
          <p:spPr>
            <a:xfrm flipH="1">
              <a:off x="12315825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3" name="Gerade Verbindung 62"/>
            <p:cNvCxnSpPr/>
            <p:nvPr userDrawn="1"/>
          </p:nvCxnSpPr>
          <p:spPr>
            <a:xfrm flipH="1">
              <a:off x="12315825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4" name="Gerade Verbindung 63"/>
            <p:cNvCxnSpPr/>
            <p:nvPr userDrawn="1"/>
          </p:nvCxnSpPr>
          <p:spPr>
            <a:xfrm rot="16200000" flipH="1">
              <a:off x="115331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5" name="Gerade Verbindung 64"/>
            <p:cNvCxnSpPr/>
            <p:nvPr userDrawn="1"/>
          </p:nvCxnSpPr>
          <p:spPr>
            <a:xfrm rot="16200000" flipH="1">
              <a:off x="95138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6" name="Gerade Verbindung 65"/>
            <p:cNvCxnSpPr/>
            <p:nvPr userDrawn="1"/>
          </p:nvCxnSpPr>
          <p:spPr>
            <a:xfrm rot="16200000" flipH="1">
              <a:off x="372160" y="712311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7" name="Gerade Verbindung 66"/>
            <p:cNvCxnSpPr/>
            <p:nvPr userDrawn="1"/>
          </p:nvCxnSpPr>
          <p:spPr>
            <a:xfrm rot="16200000" flipH="1">
              <a:off x="7764463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8" name="Gerade Verbindung 67"/>
            <p:cNvCxnSpPr/>
            <p:nvPr userDrawn="1"/>
          </p:nvCxnSpPr>
          <p:spPr>
            <a:xfrm rot="16200000" flipH="1">
              <a:off x="7907339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9" name="Gerade Verbindung 68"/>
            <p:cNvCxnSpPr/>
            <p:nvPr userDrawn="1"/>
          </p:nvCxnSpPr>
          <p:spPr>
            <a:xfrm rot="16200000" flipH="1">
              <a:off x="5878514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0" name="Gerade Verbindung 69"/>
            <p:cNvCxnSpPr/>
            <p:nvPr userDrawn="1"/>
          </p:nvCxnSpPr>
          <p:spPr>
            <a:xfrm rot="16200000" flipH="1">
              <a:off x="6021390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1" name="Gerade Verbindung 70"/>
            <p:cNvCxnSpPr/>
            <p:nvPr userDrawn="1"/>
          </p:nvCxnSpPr>
          <p:spPr>
            <a:xfrm rot="16200000" flipH="1">
              <a:off x="3997326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2" name="Gerade Verbindung 71"/>
            <p:cNvCxnSpPr/>
            <p:nvPr userDrawn="1"/>
          </p:nvCxnSpPr>
          <p:spPr>
            <a:xfrm rot="16200000" flipH="1">
              <a:off x="4140202" y="712311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3" name="Gerade Verbindung 72"/>
            <p:cNvCxnSpPr/>
            <p:nvPr userDrawn="1"/>
          </p:nvCxnSpPr>
          <p:spPr>
            <a:xfrm rot="16200000" flipH="1">
              <a:off x="115331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4" name="Gerade Verbindung 73"/>
            <p:cNvCxnSpPr/>
            <p:nvPr userDrawn="1"/>
          </p:nvCxnSpPr>
          <p:spPr>
            <a:xfrm rot="16200000" flipH="1">
              <a:off x="95138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5" name="Gerade Verbindung 74"/>
            <p:cNvCxnSpPr/>
            <p:nvPr userDrawn="1"/>
          </p:nvCxnSpPr>
          <p:spPr>
            <a:xfrm rot="16200000" flipH="1">
              <a:off x="372161" y="-2682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6" name="Gerade Verbindung 75"/>
            <p:cNvCxnSpPr/>
            <p:nvPr userDrawn="1"/>
          </p:nvCxnSpPr>
          <p:spPr>
            <a:xfrm rot="16200000" flipH="1">
              <a:off x="7764464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7" name="Gerade Verbindung 76"/>
            <p:cNvCxnSpPr/>
            <p:nvPr userDrawn="1"/>
          </p:nvCxnSpPr>
          <p:spPr>
            <a:xfrm rot="16200000" flipH="1">
              <a:off x="7907340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8" name="Gerade Verbindung 77"/>
            <p:cNvCxnSpPr/>
            <p:nvPr userDrawn="1"/>
          </p:nvCxnSpPr>
          <p:spPr>
            <a:xfrm rot="16200000" flipH="1">
              <a:off x="5878515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9" name="Gerade Verbindung 78"/>
            <p:cNvCxnSpPr/>
            <p:nvPr userDrawn="1"/>
          </p:nvCxnSpPr>
          <p:spPr>
            <a:xfrm rot="16200000" flipH="1">
              <a:off x="6021391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0" name="Gerade Verbindung 79"/>
            <p:cNvCxnSpPr/>
            <p:nvPr userDrawn="1"/>
          </p:nvCxnSpPr>
          <p:spPr>
            <a:xfrm rot="16200000" flipH="1">
              <a:off x="3997327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1" name="Gerade Verbindung 80"/>
            <p:cNvCxnSpPr/>
            <p:nvPr userDrawn="1"/>
          </p:nvCxnSpPr>
          <p:spPr>
            <a:xfrm rot="16200000" flipH="1">
              <a:off x="4140203" y="-26828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2" name="Gerade Verbindung 81"/>
            <p:cNvCxnSpPr/>
            <p:nvPr userDrawn="1"/>
          </p:nvCxnSpPr>
          <p:spPr>
            <a:xfrm flipH="1">
              <a:off x="-381000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3" name="Gerade Verbindung 82"/>
            <p:cNvCxnSpPr/>
            <p:nvPr userDrawn="1"/>
          </p:nvCxnSpPr>
          <p:spPr>
            <a:xfrm flipH="1">
              <a:off x="-381000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 Verbindung 85"/>
            <p:cNvCxnSpPr/>
            <p:nvPr userDrawn="1"/>
          </p:nvCxnSpPr>
          <p:spPr>
            <a:xfrm flipH="1">
              <a:off x="12315825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 Verbindung 86"/>
            <p:cNvCxnSpPr/>
            <p:nvPr userDrawn="1"/>
          </p:nvCxnSpPr>
          <p:spPr>
            <a:xfrm flipH="1">
              <a:off x="-381000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91" name="cdtTextBox 11 Id18"/>
          <p:cNvSpPr txBox="1"/>
          <p:nvPr userDrawn="1">
            <p:custDataLst>
              <p:tags r:id="rId3"/>
            </p:custDataLst>
          </p:nvPr>
        </p:nvSpPr>
        <p:spPr>
          <a:xfrm>
            <a:off x="8020050" y="6597650"/>
            <a:ext cx="3620777" cy="15388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marL="0" marR="0" indent="0" algn="r" defTabSz="1088959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000" kern="0" noProof="0">
                <a:solidFill>
                  <a:schemeClr val="tx1"/>
                </a:solidFill>
                <a:latin typeface="+mn-lt"/>
                <a:cs typeface="Arial" panose="020B0604020202020204" pitchFamily="34" charset="0"/>
              </a:rPr>
              <a:t>Unrestricted © Siemens Healthcare GmbH, 2016</a:t>
            </a:r>
            <a:endParaRPr lang="en-US" sz="1000" kern="0" noProof="0" dirty="0">
              <a:solidFill>
                <a:schemeClr val="tx1"/>
              </a:solidFill>
              <a:latin typeface="+mn-lt"/>
              <a:cs typeface="Arial" panose="020B0604020202020204" pitchFamily="34" charset="0"/>
            </a:endParaRPr>
          </a:p>
        </p:txBody>
      </p:sp>
      <p:grpSp>
        <p:nvGrpSpPr>
          <p:cNvPr id="7" name="Gruppieren 6"/>
          <p:cNvGrpSpPr/>
          <p:nvPr userDrawn="1"/>
        </p:nvGrpSpPr>
        <p:grpSpPr>
          <a:xfrm>
            <a:off x="12651640" y="3196175"/>
            <a:ext cx="1865457" cy="1273934"/>
            <a:chOff x="12651640" y="3330074"/>
            <a:chExt cx="1865457" cy="1273934"/>
          </a:xfrm>
        </p:grpSpPr>
        <p:sp>
          <p:nvSpPr>
            <p:cNvPr id="50" name="Abgerundetes Rechteck 42"/>
            <p:cNvSpPr/>
            <p:nvPr userDrawn="1"/>
          </p:nvSpPr>
          <p:spPr>
            <a:xfrm>
              <a:off x="12651640" y="3330074"/>
              <a:ext cx="1865457" cy="1273934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ctr"/>
            <a:lstStyle/>
            <a:p>
              <a:r>
                <a:rPr lang="en-US" sz="1100" b="0" dirty="0">
                  <a:solidFill>
                    <a:schemeClr val="bg1"/>
                  </a:solidFill>
                  <a:latin typeface="+mn-lt"/>
                </a:rPr>
                <a:t>In addition to the magnetic grid, our templates also contain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layout guides.</a:t>
              </a:r>
            </a:p>
            <a:p>
              <a:br>
                <a:rPr lang="en-US" sz="1100" b="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b="0" dirty="0">
                  <a:solidFill>
                    <a:schemeClr val="bg1"/>
                  </a:solidFill>
                  <a:latin typeface="+mn-lt"/>
                </a:rPr>
                <a:t>Their purpose is to indicate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key margins and mandatory areas</a:t>
              </a:r>
              <a:r>
                <a:rPr lang="en-US" sz="1100" b="0" dirty="0">
                  <a:solidFill>
                    <a:schemeClr val="bg1"/>
                  </a:solidFill>
                  <a:latin typeface="+mn-lt"/>
                </a:rPr>
                <a:t> on slides. </a:t>
              </a:r>
            </a:p>
          </p:txBody>
        </p:sp>
        <p:cxnSp>
          <p:nvCxnSpPr>
            <p:cNvPr id="84" name="Gerade Verbindung 83"/>
            <p:cNvCxnSpPr/>
            <p:nvPr userDrawn="1"/>
          </p:nvCxnSpPr>
          <p:spPr>
            <a:xfrm flipH="1">
              <a:off x="12734923" y="3935412"/>
              <a:ext cx="1666435" cy="0"/>
            </a:xfrm>
            <a:prstGeom prst="line">
              <a:avLst/>
            </a:prstGeom>
            <a:ln>
              <a:solidFill>
                <a:schemeClr val="tx1"/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Gerade Verbindung 50"/>
            <p:cNvCxnSpPr/>
            <p:nvPr userDrawn="1"/>
          </p:nvCxnSpPr>
          <p:spPr>
            <a:xfrm flipH="1">
              <a:off x="12734923" y="4006849"/>
              <a:ext cx="1666435" cy="0"/>
            </a:xfrm>
            <a:prstGeom prst="line">
              <a:avLst/>
            </a:prstGeom>
            <a:ln>
              <a:solidFill>
                <a:schemeClr val="tx1"/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5" name="Textplatzhalter 44"/>
          <p:cNvSpPr>
            <a:spLocks noGrp="1"/>
          </p:cNvSpPr>
          <p:nvPr>
            <p:ph type="body" sz="quarter" idx="10" hasCustomPrompt="1"/>
          </p:nvPr>
        </p:nvSpPr>
        <p:spPr>
          <a:xfrm>
            <a:off x="5991225" y="257215"/>
            <a:ext cx="5651500" cy="615553"/>
          </a:xfrm>
        </p:spPr>
        <p:txBody>
          <a:bodyPr wrap="square" anchor="t">
            <a:spAutoFit/>
          </a:bodyPr>
          <a:lstStyle>
            <a:lvl1pPr marL="0" indent="0" algn="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Presenter, Calibri 20 </a:t>
            </a:r>
            <a:r>
              <a:rPr lang="en-US" dirty="0" err="1"/>
              <a:t>pt</a:t>
            </a:r>
            <a:r>
              <a:rPr lang="en-US" dirty="0"/>
              <a:t>, Version 00,  </a:t>
            </a:r>
            <a:br>
              <a:rPr lang="en-US" dirty="0"/>
            </a:br>
            <a:r>
              <a:rPr lang="en-US" dirty="0"/>
              <a:t>English, Month 20XX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19454182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Intro Title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19423458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20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9" name="Grafik 48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735098" y="1139936"/>
            <a:ext cx="5225574" cy="5730245"/>
          </a:xfrm>
          <a:prstGeom prst="rect">
            <a:avLst/>
          </a:prstGeom>
        </p:spPr>
      </p:pic>
      <p:sp>
        <p:nvSpPr>
          <p:cNvPr id="202" name="cdtTextBox 11 Id18"/>
          <p:cNvSpPr txBox="1"/>
          <p:nvPr userDrawn="1">
            <p:custDataLst>
              <p:tags r:id="rId3"/>
            </p:custDataLst>
          </p:nvPr>
        </p:nvSpPr>
        <p:spPr>
          <a:xfrm>
            <a:off x="8020050" y="6597650"/>
            <a:ext cx="3620777" cy="15388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marL="0" marR="0" indent="0" algn="r" defTabSz="1088959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000" kern="0" noProof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Unrestricted © Siemens Healthcare GmbH, 2016</a:t>
            </a:r>
            <a:endParaRPr lang="en-US" sz="1000" kern="0" noProof="0" dirty="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 userDrawn="1">
            <p:ph type="ctrTitle" hasCustomPrompt="1"/>
          </p:nvPr>
        </p:nvSpPr>
        <p:spPr>
          <a:xfrm>
            <a:off x="482600" y="3332530"/>
            <a:ext cx="5651500" cy="553998"/>
          </a:xfrm>
        </p:spPr>
        <p:txBody>
          <a:bodyPr anchor="b">
            <a:spAutoFit/>
          </a:bodyPr>
          <a:lstStyle>
            <a:lvl1pPr algn="l">
              <a:spcBef>
                <a:spcPts val="0"/>
              </a:spcBef>
              <a:defRPr sz="3600" b="1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en-US" dirty="0"/>
              <a:t>  Intro title, Calibri Bold, 36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3" name="Untertitel 2"/>
          <p:cNvSpPr>
            <a:spLocks noGrp="1"/>
          </p:cNvSpPr>
          <p:nvPr userDrawn="1">
            <p:ph type="subTitle" idx="1" hasCustomPrompt="1"/>
          </p:nvPr>
        </p:nvSpPr>
        <p:spPr>
          <a:xfrm>
            <a:off x="482601" y="3887100"/>
            <a:ext cx="5651500" cy="1477328"/>
          </a:xfrm>
        </p:spPr>
        <p:txBody>
          <a:bodyPr>
            <a:spAutoFit/>
          </a:bodyPr>
          <a:lstStyle>
            <a:lvl1pPr marL="0" indent="0" algn="l">
              <a:spcBef>
                <a:spcPts val="0"/>
              </a:spcBef>
              <a:buNone/>
              <a:defRPr sz="4800" b="1">
                <a:solidFill>
                  <a:schemeClr val="bg1"/>
                </a:solidFill>
                <a:latin typeface="+mn-lt"/>
              </a:defRPr>
            </a:lvl1pPr>
            <a:lvl2pPr marL="5444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108895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63343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217791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7223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32668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8113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43558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Title version 2,</a:t>
            </a:r>
            <a:br>
              <a:rPr lang="en-US" dirty="0"/>
            </a:br>
            <a:r>
              <a:rPr lang="en-US" dirty="0"/>
              <a:t>        Calibri Bold, 48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45" name="Textplatzhalter 44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5693172"/>
            <a:ext cx="5651500" cy="615553"/>
          </a:xfrm>
        </p:spPr>
        <p:txBody>
          <a:bodyPr wrap="square" anchor="b">
            <a:spAutoFit/>
          </a:bodyPr>
          <a:lstStyle>
            <a:lvl1pPr marL="0" indent="0" algn="l">
              <a:spcBef>
                <a:spcPts val="0"/>
              </a:spcBef>
              <a:buNone/>
              <a:defRPr sz="20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Presenter, Calibri 20 </a:t>
            </a:r>
            <a:r>
              <a:rPr lang="en-US" dirty="0" err="1"/>
              <a:t>pt</a:t>
            </a:r>
            <a:r>
              <a:rPr lang="en-US" dirty="0"/>
              <a:t>, Version 00,  </a:t>
            </a:r>
            <a:br>
              <a:rPr lang="en-US" dirty="0"/>
            </a:br>
            <a:r>
              <a:rPr lang="en-US" dirty="0"/>
              <a:t>English, Month 20XX</a:t>
            </a:r>
          </a:p>
        </p:txBody>
      </p:sp>
      <p:sp>
        <p:nvSpPr>
          <p:cNvPr id="198" name="Textplatzhalter 12"/>
          <p:cNvSpPr>
            <a:spLocks noGrp="1"/>
          </p:cNvSpPr>
          <p:nvPr>
            <p:ph type="body" sz="quarter" idx="13" hasCustomPrompt="1"/>
          </p:nvPr>
        </p:nvSpPr>
        <p:spPr>
          <a:xfrm>
            <a:off x="10301466" y="3276897"/>
            <a:ext cx="1340949" cy="1340949"/>
          </a:xfrm>
          <a:prstGeom prst="ellipse">
            <a:avLst/>
          </a:prstGeom>
          <a:solidFill>
            <a:schemeClr val="bg1"/>
          </a:solidFill>
        </p:spPr>
        <p:txBody>
          <a:bodyPr anchor="ctr"/>
          <a:lstStyle>
            <a:lvl1pPr algn="ctr">
              <a:defRPr sz="1400" b="1" i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 Eye-catcher for notes and third party logos</a:t>
            </a:r>
          </a:p>
        </p:txBody>
      </p:sp>
      <p:grpSp>
        <p:nvGrpSpPr>
          <p:cNvPr id="237" name="Gruppieren 236"/>
          <p:cNvGrpSpPr/>
          <p:nvPr userDrawn="1"/>
        </p:nvGrpSpPr>
        <p:grpSpPr>
          <a:xfrm>
            <a:off x="-381000" y="-377826"/>
            <a:ext cx="12915900" cy="7610481"/>
            <a:chOff x="-381000" y="-377826"/>
            <a:chExt cx="12915900" cy="7610481"/>
          </a:xfrm>
        </p:grpSpPr>
        <p:cxnSp>
          <p:nvCxnSpPr>
            <p:cNvPr id="238" name="Gerade Verbindung 237"/>
            <p:cNvCxnSpPr/>
            <p:nvPr userDrawn="1"/>
          </p:nvCxnSpPr>
          <p:spPr>
            <a:xfrm flipH="1">
              <a:off x="-381000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9" name="Gerade Verbindung 238"/>
            <p:cNvCxnSpPr/>
            <p:nvPr userDrawn="1"/>
          </p:nvCxnSpPr>
          <p:spPr>
            <a:xfrm flipH="1">
              <a:off x="-381000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0" name="Gerade Verbindung 239"/>
            <p:cNvCxnSpPr/>
            <p:nvPr userDrawn="1"/>
          </p:nvCxnSpPr>
          <p:spPr>
            <a:xfrm flipH="1">
              <a:off x="12315825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1" name="Gerade Verbindung 240"/>
            <p:cNvCxnSpPr/>
            <p:nvPr userDrawn="1"/>
          </p:nvCxnSpPr>
          <p:spPr>
            <a:xfrm flipH="1">
              <a:off x="12315825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2" name="Gerade Verbindung 241"/>
            <p:cNvCxnSpPr/>
            <p:nvPr userDrawn="1"/>
          </p:nvCxnSpPr>
          <p:spPr>
            <a:xfrm rot="16200000" flipH="1">
              <a:off x="115331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3" name="Gerade Verbindung 242"/>
            <p:cNvCxnSpPr/>
            <p:nvPr userDrawn="1"/>
          </p:nvCxnSpPr>
          <p:spPr>
            <a:xfrm rot="16200000" flipH="1">
              <a:off x="95138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4" name="Gerade Verbindung 243"/>
            <p:cNvCxnSpPr/>
            <p:nvPr userDrawn="1"/>
          </p:nvCxnSpPr>
          <p:spPr>
            <a:xfrm rot="16200000" flipH="1">
              <a:off x="372160" y="712311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5" name="Gerade Verbindung 244"/>
            <p:cNvCxnSpPr/>
            <p:nvPr userDrawn="1"/>
          </p:nvCxnSpPr>
          <p:spPr>
            <a:xfrm rot="16200000" flipH="1">
              <a:off x="7764463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6" name="Gerade Verbindung 245"/>
            <p:cNvCxnSpPr/>
            <p:nvPr userDrawn="1"/>
          </p:nvCxnSpPr>
          <p:spPr>
            <a:xfrm rot="16200000" flipH="1">
              <a:off x="7907339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7" name="Gerade Verbindung 246"/>
            <p:cNvCxnSpPr/>
            <p:nvPr userDrawn="1"/>
          </p:nvCxnSpPr>
          <p:spPr>
            <a:xfrm rot="16200000" flipH="1">
              <a:off x="5878514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8" name="Gerade Verbindung 247"/>
            <p:cNvCxnSpPr/>
            <p:nvPr userDrawn="1"/>
          </p:nvCxnSpPr>
          <p:spPr>
            <a:xfrm rot="16200000" flipH="1">
              <a:off x="6021390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9" name="Gerade Verbindung 248"/>
            <p:cNvCxnSpPr/>
            <p:nvPr userDrawn="1"/>
          </p:nvCxnSpPr>
          <p:spPr>
            <a:xfrm rot="16200000" flipH="1">
              <a:off x="3997326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0" name="Gerade Verbindung 249"/>
            <p:cNvCxnSpPr/>
            <p:nvPr userDrawn="1"/>
          </p:nvCxnSpPr>
          <p:spPr>
            <a:xfrm rot="16200000" flipH="1">
              <a:off x="4140202" y="712311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1" name="Gerade Verbindung 250"/>
            <p:cNvCxnSpPr/>
            <p:nvPr userDrawn="1"/>
          </p:nvCxnSpPr>
          <p:spPr>
            <a:xfrm rot="16200000" flipH="1">
              <a:off x="115331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2" name="Gerade Verbindung 251"/>
            <p:cNvCxnSpPr/>
            <p:nvPr userDrawn="1"/>
          </p:nvCxnSpPr>
          <p:spPr>
            <a:xfrm rot="16200000" flipH="1">
              <a:off x="95138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3" name="Gerade Verbindung 252"/>
            <p:cNvCxnSpPr/>
            <p:nvPr userDrawn="1"/>
          </p:nvCxnSpPr>
          <p:spPr>
            <a:xfrm rot="16200000" flipH="1">
              <a:off x="372161" y="-2682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4" name="Gerade Verbindung 253"/>
            <p:cNvCxnSpPr/>
            <p:nvPr userDrawn="1"/>
          </p:nvCxnSpPr>
          <p:spPr>
            <a:xfrm rot="16200000" flipH="1">
              <a:off x="7764464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5" name="Gerade Verbindung 254"/>
            <p:cNvCxnSpPr/>
            <p:nvPr userDrawn="1"/>
          </p:nvCxnSpPr>
          <p:spPr>
            <a:xfrm rot="16200000" flipH="1">
              <a:off x="7907340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6" name="Gerade Verbindung 255"/>
            <p:cNvCxnSpPr/>
            <p:nvPr userDrawn="1"/>
          </p:nvCxnSpPr>
          <p:spPr>
            <a:xfrm rot="16200000" flipH="1">
              <a:off x="5878515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7" name="Gerade Verbindung 256"/>
            <p:cNvCxnSpPr/>
            <p:nvPr userDrawn="1"/>
          </p:nvCxnSpPr>
          <p:spPr>
            <a:xfrm rot="16200000" flipH="1">
              <a:off x="6021391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8" name="Gerade Verbindung 257"/>
            <p:cNvCxnSpPr/>
            <p:nvPr userDrawn="1"/>
          </p:nvCxnSpPr>
          <p:spPr>
            <a:xfrm rot="16200000" flipH="1">
              <a:off x="3997327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9" name="Gerade Verbindung 258"/>
            <p:cNvCxnSpPr/>
            <p:nvPr userDrawn="1"/>
          </p:nvCxnSpPr>
          <p:spPr>
            <a:xfrm rot="16200000" flipH="1">
              <a:off x="4140203" y="-26828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0" name="Gerade Verbindung 259"/>
            <p:cNvCxnSpPr/>
            <p:nvPr userDrawn="1"/>
          </p:nvCxnSpPr>
          <p:spPr>
            <a:xfrm flipH="1">
              <a:off x="-381000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1" name="Gerade Verbindung 260"/>
            <p:cNvCxnSpPr/>
            <p:nvPr userDrawn="1"/>
          </p:nvCxnSpPr>
          <p:spPr>
            <a:xfrm flipH="1">
              <a:off x="-381000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2" name="Gerade Verbindung 261"/>
            <p:cNvCxnSpPr/>
            <p:nvPr userDrawn="1"/>
          </p:nvCxnSpPr>
          <p:spPr>
            <a:xfrm flipH="1">
              <a:off x="12315825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3" name="Gerade Verbindung 262"/>
            <p:cNvCxnSpPr/>
            <p:nvPr userDrawn="1"/>
          </p:nvCxnSpPr>
          <p:spPr>
            <a:xfrm flipH="1">
              <a:off x="12315825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4" name="Gerade Verbindung 263"/>
            <p:cNvCxnSpPr/>
            <p:nvPr userDrawn="1"/>
          </p:nvCxnSpPr>
          <p:spPr>
            <a:xfrm flipH="1">
              <a:off x="12315825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5" name="Gerade Verbindung 264"/>
            <p:cNvCxnSpPr/>
            <p:nvPr userDrawn="1"/>
          </p:nvCxnSpPr>
          <p:spPr>
            <a:xfrm flipH="1">
              <a:off x="-381000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6" name="Gruppieren 5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196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53" name="Gruppieren 52"/>
            <p:cNvGrpSpPr/>
            <p:nvPr userDrawn="1"/>
          </p:nvGrpSpPr>
          <p:grpSpPr bwMode="gray">
            <a:xfrm>
              <a:off x="481775" y="337455"/>
              <a:ext cx="2815389" cy="662027"/>
              <a:chOff x="481775" y="337455"/>
              <a:chExt cx="2815389" cy="662027"/>
            </a:xfrm>
          </p:grpSpPr>
          <p:sp>
            <p:nvSpPr>
              <p:cNvPr id="54" name="Freihandform 53"/>
              <p:cNvSpPr>
                <a:spLocks noChangeArrowheads="1"/>
              </p:cNvSpPr>
              <p:nvPr/>
            </p:nvSpPr>
            <p:spPr bwMode="gray">
              <a:xfrm>
                <a:off x="2813076" y="444433"/>
                <a:ext cx="484088" cy="476290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5" name="Freihandform 54"/>
              <p:cNvSpPr>
                <a:spLocks noChangeArrowheads="1"/>
              </p:cNvSpPr>
              <p:nvPr/>
            </p:nvSpPr>
            <p:spPr bwMode="gray">
              <a:xfrm>
                <a:off x="1175199" y="337455"/>
                <a:ext cx="1597949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chemeClr val="accent3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6" name="Freihandform 55"/>
              <p:cNvSpPr>
                <a:spLocks noChangeArrowheads="1"/>
              </p:cNvSpPr>
              <p:nvPr/>
            </p:nvSpPr>
            <p:spPr bwMode="gray">
              <a:xfrm>
                <a:off x="481775" y="682626"/>
                <a:ext cx="2292197" cy="316856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chemeClr val="tx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48" name="Abgerundetes Rechteck 87"/>
          <p:cNvSpPr/>
          <p:nvPr userDrawn="1"/>
        </p:nvSpPr>
        <p:spPr>
          <a:xfrm>
            <a:off x="12649206" y="3276897"/>
            <a:ext cx="1865457" cy="1442613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Placeholder Eye-catcher </a:t>
            </a:r>
            <a:br>
              <a:rPr lang="en-US" sz="1100" b="1" dirty="0">
                <a:solidFill>
                  <a:srgbClr val="2D1E1C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for notes and third party logos</a:t>
            </a:r>
          </a:p>
          <a:p>
            <a:r>
              <a:rPr lang="en-US" sz="1100" dirty="0">
                <a:solidFill>
                  <a:schemeClr val="bg1"/>
                </a:solidFill>
                <a:latin typeface="+mn-lt"/>
              </a:rPr>
              <a:t>Placement can be varied  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in</a:t>
            </a:r>
            <a:r>
              <a:rPr lang="en-US" sz="1100" baseline="0" dirty="0">
                <a:solidFill>
                  <a:schemeClr val="bg1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heights.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If it is</a:t>
            </a:r>
            <a:r>
              <a:rPr lang="en-US" sz="1100" baseline="0" dirty="0">
                <a:solidFill>
                  <a:schemeClr val="bg1"/>
                </a:solidFill>
                <a:latin typeface="+mn-lt"/>
              </a:rPr>
              <a:t> 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not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needed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, please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delete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 this element.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09924015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Intro Title Orange, Berry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3577239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4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9" name="Grafik 48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735098" y="1139936"/>
            <a:ext cx="5225574" cy="5730245"/>
          </a:xfrm>
          <a:prstGeom prst="rect">
            <a:avLst/>
          </a:prstGeom>
        </p:spPr>
      </p:pic>
      <p:sp>
        <p:nvSpPr>
          <p:cNvPr id="202" name="cdtTextBox 11 Id18"/>
          <p:cNvSpPr txBox="1"/>
          <p:nvPr userDrawn="1">
            <p:custDataLst>
              <p:tags r:id="rId3"/>
            </p:custDataLst>
          </p:nvPr>
        </p:nvSpPr>
        <p:spPr>
          <a:xfrm>
            <a:off x="8020050" y="6597650"/>
            <a:ext cx="3620777" cy="15388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marL="0" marR="0" indent="0" algn="r" defTabSz="1088959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000" kern="0" noProof="0" dirty="0" err="1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Restrcited</a:t>
            </a:r>
            <a:r>
              <a:rPr lang="en-US" sz="1000" kern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©</a:t>
            </a:r>
            <a:r>
              <a:rPr lang="en-US" sz="1000" kern="0" baseline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Siemens</a:t>
            </a:r>
            <a:r>
              <a:rPr lang="en-US" sz="1000" kern="0" baseline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Healthcare</a:t>
            </a:r>
            <a:r>
              <a:rPr lang="en-US" sz="1000" kern="0" baseline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GmbH,</a:t>
            </a:r>
            <a:r>
              <a:rPr lang="en-US" sz="1000" kern="0" baseline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2016</a:t>
            </a:r>
          </a:p>
        </p:txBody>
      </p:sp>
      <p:sp>
        <p:nvSpPr>
          <p:cNvPr id="2" name="Titel 1"/>
          <p:cNvSpPr>
            <a:spLocks noGrp="1"/>
          </p:cNvSpPr>
          <p:nvPr userDrawn="1">
            <p:ph type="ctrTitle" hasCustomPrompt="1"/>
          </p:nvPr>
        </p:nvSpPr>
        <p:spPr>
          <a:xfrm>
            <a:off x="482600" y="3332530"/>
            <a:ext cx="5651500" cy="553998"/>
          </a:xfrm>
        </p:spPr>
        <p:txBody>
          <a:bodyPr anchor="b">
            <a:spAutoFit/>
          </a:bodyPr>
          <a:lstStyle>
            <a:lvl1pPr algn="l">
              <a:spcBef>
                <a:spcPts val="0"/>
              </a:spcBef>
              <a:defRPr sz="3600" b="1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en-US" dirty="0"/>
              <a:t>  Intro title, Calibri Bold, 36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3" name="Untertitel 2"/>
          <p:cNvSpPr>
            <a:spLocks noGrp="1"/>
          </p:cNvSpPr>
          <p:nvPr userDrawn="1">
            <p:ph type="subTitle" idx="1" hasCustomPrompt="1"/>
          </p:nvPr>
        </p:nvSpPr>
        <p:spPr>
          <a:xfrm>
            <a:off x="482601" y="3887100"/>
            <a:ext cx="5651500" cy="1477328"/>
          </a:xfrm>
        </p:spPr>
        <p:txBody>
          <a:bodyPr>
            <a:spAutoFit/>
          </a:bodyPr>
          <a:lstStyle>
            <a:lvl1pPr marL="0" indent="0" algn="l">
              <a:spcBef>
                <a:spcPts val="0"/>
              </a:spcBef>
              <a:buNone/>
              <a:defRPr sz="4800" b="1">
                <a:solidFill>
                  <a:schemeClr val="bg1"/>
                </a:solidFill>
                <a:latin typeface="+mn-lt"/>
              </a:defRPr>
            </a:lvl1pPr>
            <a:lvl2pPr marL="5444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108895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63343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217791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7223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32668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8113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43558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Title version 2,</a:t>
            </a:r>
            <a:br>
              <a:rPr lang="en-US" dirty="0"/>
            </a:br>
            <a:r>
              <a:rPr lang="en-US" dirty="0"/>
              <a:t>        Calibri Bold, 48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45" name="Textplatzhalter 44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5693172"/>
            <a:ext cx="5651500" cy="615553"/>
          </a:xfrm>
        </p:spPr>
        <p:txBody>
          <a:bodyPr wrap="square" anchor="b">
            <a:spAutoFit/>
          </a:bodyPr>
          <a:lstStyle>
            <a:lvl1pPr marL="0" indent="0" algn="l">
              <a:spcBef>
                <a:spcPts val="0"/>
              </a:spcBef>
              <a:buNone/>
              <a:defRPr sz="20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Presenter, Calibri 20 </a:t>
            </a:r>
            <a:r>
              <a:rPr lang="en-US" dirty="0" err="1"/>
              <a:t>pt</a:t>
            </a:r>
            <a:r>
              <a:rPr lang="en-US" dirty="0"/>
              <a:t>, Version 00,  </a:t>
            </a:r>
            <a:br>
              <a:rPr lang="en-US" dirty="0"/>
            </a:br>
            <a:r>
              <a:rPr lang="en-US" dirty="0"/>
              <a:t>English, Month 20XX</a:t>
            </a:r>
          </a:p>
        </p:txBody>
      </p:sp>
      <p:sp>
        <p:nvSpPr>
          <p:cNvPr id="198" name="Textplatzhalter 12"/>
          <p:cNvSpPr>
            <a:spLocks noGrp="1"/>
          </p:cNvSpPr>
          <p:nvPr userDrawn="1">
            <p:ph type="body" sz="quarter" idx="13" hasCustomPrompt="1"/>
          </p:nvPr>
        </p:nvSpPr>
        <p:spPr>
          <a:xfrm>
            <a:off x="10301466" y="3276897"/>
            <a:ext cx="1340949" cy="1340949"/>
          </a:xfrm>
          <a:prstGeom prst="ellipse">
            <a:avLst/>
          </a:prstGeom>
          <a:solidFill>
            <a:schemeClr val="bg1"/>
          </a:solidFill>
        </p:spPr>
        <p:txBody>
          <a:bodyPr anchor="ctr"/>
          <a:lstStyle>
            <a:lvl1pPr algn="ctr">
              <a:defRPr sz="1400" b="1" i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 Eye-catcher for notes and third party logos</a:t>
            </a:r>
          </a:p>
        </p:txBody>
      </p:sp>
      <p:grpSp>
        <p:nvGrpSpPr>
          <p:cNvPr id="237" name="Gruppieren 236"/>
          <p:cNvGrpSpPr/>
          <p:nvPr userDrawn="1"/>
        </p:nvGrpSpPr>
        <p:grpSpPr>
          <a:xfrm>
            <a:off x="-381000" y="-377826"/>
            <a:ext cx="12915900" cy="7610481"/>
            <a:chOff x="-381000" y="-377826"/>
            <a:chExt cx="12915900" cy="7610481"/>
          </a:xfrm>
        </p:grpSpPr>
        <p:cxnSp>
          <p:nvCxnSpPr>
            <p:cNvPr id="238" name="Gerade Verbindung 237"/>
            <p:cNvCxnSpPr/>
            <p:nvPr userDrawn="1"/>
          </p:nvCxnSpPr>
          <p:spPr>
            <a:xfrm flipH="1">
              <a:off x="-381000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9" name="Gerade Verbindung 238"/>
            <p:cNvCxnSpPr/>
            <p:nvPr userDrawn="1"/>
          </p:nvCxnSpPr>
          <p:spPr>
            <a:xfrm flipH="1">
              <a:off x="-381000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0" name="Gerade Verbindung 239"/>
            <p:cNvCxnSpPr/>
            <p:nvPr userDrawn="1"/>
          </p:nvCxnSpPr>
          <p:spPr>
            <a:xfrm flipH="1">
              <a:off x="12315825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1" name="Gerade Verbindung 240"/>
            <p:cNvCxnSpPr/>
            <p:nvPr userDrawn="1"/>
          </p:nvCxnSpPr>
          <p:spPr>
            <a:xfrm flipH="1">
              <a:off x="12315825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2" name="Gerade Verbindung 241"/>
            <p:cNvCxnSpPr/>
            <p:nvPr userDrawn="1"/>
          </p:nvCxnSpPr>
          <p:spPr>
            <a:xfrm rot="16200000" flipH="1">
              <a:off x="115331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3" name="Gerade Verbindung 242"/>
            <p:cNvCxnSpPr/>
            <p:nvPr userDrawn="1"/>
          </p:nvCxnSpPr>
          <p:spPr>
            <a:xfrm rot="16200000" flipH="1">
              <a:off x="95138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4" name="Gerade Verbindung 243"/>
            <p:cNvCxnSpPr/>
            <p:nvPr userDrawn="1"/>
          </p:nvCxnSpPr>
          <p:spPr>
            <a:xfrm rot="16200000" flipH="1">
              <a:off x="372160" y="712311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5" name="Gerade Verbindung 244"/>
            <p:cNvCxnSpPr/>
            <p:nvPr userDrawn="1"/>
          </p:nvCxnSpPr>
          <p:spPr>
            <a:xfrm rot="16200000" flipH="1">
              <a:off x="7764463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6" name="Gerade Verbindung 245"/>
            <p:cNvCxnSpPr/>
            <p:nvPr userDrawn="1"/>
          </p:nvCxnSpPr>
          <p:spPr>
            <a:xfrm rot="16200000" flipH="1">
              <a:off x="7907339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7" name="Gerade Verbindung 246"/>
            <p:cNvCxnSpPr/>
            <p:nvPr userDrawn="1"/>
          </p:nvCxnSpPr>
          <p:spPr>
            <a:xfrm rot="16200000" flipH="1">
              <a:off x="5878514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8" name="Gerade Verbindung 247"/>
            <p:cNvCxnSpPr/>
            <p:nvPr userDrawn="1"/>
          </p:nvCxnSpPr>
          <p:spPr>
            <a:xfrm rot="16200000" flipH="1">
              <a:off x="6021390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9" name="Gerade Verbindung 248"/>
            <p:cNvCxnSpPr/>
            <p:nvPr userDrawn="1"/>
          </p:nvCxnSpPr>
          <p:spPr>
            <a:xfrm rot="16200000" flipH="1">
              <a:off x="3997326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0" name="Gerade Verbindung 249"/>
            <p:cNvCxnSpPr/>
            <p:nvPr userDrawn="1"/>
          </p:nvCxnSpPr>
          <p:spPr>
            <a:xfrm rot="16200000" flipH="1">
              <a:off x="4140202" y="712311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1" name="Gerade Verbindung 250"/>
            <p:cNvCxnSpPr/>
            <p:nvPr userDrawn="1"/>
          </p:nvCxnSpPr>
          <p:spPr>
            <a:xfrm rot="16200000" flipH="1">
              <a:off x="115331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2" name="Gerade Verbindung 251"/>
            <p:cNvCxnSpPr/>
            <p:nvPr userDrawn="1"/>
          </p:nvCxnSpPr>
          <p:spPr>
            <a:xfrm rot="16200000" flipH="1">
              <a:off x="95138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3" name="Gerade Verbindung 252"/>
            <p:cNvCxnSpPr/>
            <p:nvPr userDrawn="1"/>
          </p:nvCxnSpPr>
          <p:spPr>
            <a:xfrm rot="16200000" flipH="1">
              <a:off x="372161" y="-2682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4" name="Gerade Verbindung 253"/>
            <p:cNvCxnSpPr/>
            <p:nvPr userDrawn="1"/>
          </p:nvCxnSpPr>
          <p:spPr>
            <a:xfrm rot="16200000" flipH="1">
              <a:off x="7764464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5" name="Gerade Verbindung 254"/>
            <p:cNvCxnSpPr/>
            <p:nvPr userDrawn="1"/>
          </p:nvCxnSpPr>
          <p:spPr>
            <a:xfrm rot="16200000" flipH="1">
              <a:off x="7907340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6" name="Gerade Verbindung 255"/>
            <p:cNvCxnSpPr/>
            <p:nvPr userDrawn="1"/>
          </p:nvCxnSpPr>
          <p:spPr>
            <a:xfrm rot="16200000" flipH="1">
              <a:off x="5878515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7" name="Gerade Verbindung 256"/>
            <p:cNvCxnSpPr/>
            <p:nvPr userDrawn="1"/>
          </p:nvCxnSpPr>
          <p:spPr>
            <a:xfrm rot="16200000" flipH="1">
              <a:off x="6021391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8" name="Gerade Verbindung 257"/>
            <p:cNvCxnSpPr/>
            <p:nvPr userDrawn="1"/>
          </p:nvCxnSpPr>
          <p:spPr>
            <a:xfrm rot="16200000" flipH="1">
              <a:off x="3997327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9" name="Gerade Verbindung 258"/>
            <p:cNvCxnSpPr/>
            <p:nvPr userDrawn="1"/>
          </p:nvCxnSpPr>
          <p:spPr>
            <a:xfrm rot="16200000" flipH="1">
              <a:off x="4140203" y="-26828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0" name="Gerade Verbindung 259"/>
            <p:cNvCxnSpPr/>
            <p:nvPr userDrawn="1"/>
          </p:nvCxnSpPr>
          <p:spPr>
            <a:xfrm flipH="1">
              <a:off x="-381000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1" name="Gerade Verbindung 260"/>
            <p:cNvCxnSpPr/>
            <p:nvPr userDrawn="1"/>
          </p:nvCxnSpPr>
          <p:spPr>
            <a:xfrm flipH="1">
              <a:off x="-381000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2" name="Gerade Verbindung 261"/>
            <p:cNvCxnSpPr/>
            <p:nvPr userDrawn="1"/>
          </p:nvCxnSpPr>
          <p:spPr>
            <a:xfrm flipH="1">
              <a:off x="12315825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3" name="Gerade Verbindung 262"/>
            <p:cNvCxnSpPr/>
            <p:nvPr userDrawn="1"/>
          </p:nvCxnSpPr>
          <p:spPr>
            <a:xfrm flipH="1">
              <a:off x="12315825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4" name="Gerade Verbindung 263"/>
            <p:cNvCxnSpPr/>
            <p:nvPr userDrawn="1"/>
          </p:nvCxnSpPr>
          <p:spPr>
            <a:xfrm flipH="1">
              <a:off x="12315825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5" name="Gerade Verbindung 264"/>
            <p:cNvCxnSpPr/>
            <p:nvPr userDrawn="1"/>
          </p:nvCxnSpPr>
          <p:spPr>
            <a:xfrm flipH="1">
              <a:off x="-381000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6" name="Gruppieren 5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196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53" name="Gruppieren 52"/>
            <p:cNvGrpSpPr/>
            <p:nvPr userDrawn="1"/>
          </p:nvGrpSpPr>
          <p:grpSpPr bwMode="gray">
            <a:xfrm>
              <a:off x="481775" y="337455"/>
              <a:ext cx="2815389" cy="662027"/>
              <a:chOff x="481775" y="337455"/>
              <a:chExt cx="2815389" cy="662027"/>
            </a:xfrm>
          </p:grpSpPr>
          <p:sp>
            <p:nvSpPr>
              <p:cNvPr id="54" name="Freihandform 53"/>
              <p:cNvSpPr>
                <a:spLocks noChangeArrowheads="1"/>
              </p:cNvSpPr>
              <p:nvPr/>
            </p:nvSpPr>
            <p:spPr bwMode="gray">
              <a:xfrm>
                <a:off x="2813076" y="444433"/>
                <a:ext cx="484088" cy="476290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5" name="Freihandform 54"/>
              <p:cNvSpPr>
                <a:spLocks noChangeArrowheads="1"/>
              </p:cNvSpPr>
              <p:nvPr/>
            </p:nvSpPr>
            <p:spPr bwMode="gray">
              <a:xfrm>
                <a:off x="1175199" y="337455"/>
                <a:ext cx="1597949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chemeClr val="accent3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6" name="Freihandform 55"/>
              <p:cNvSpPr>
                <a:spLocks noChangeArrowheads="1"/>
              </p:cNvSpPr>
              <p:nvPr/>
            </p:nvSpPr>
            <p:spPr bwMode="gray">
              <a:xfrm>
                <a:off x="481775" y="682626"/>
                <a:ext cx="2292197" cy="316856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chemeClr val="tx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48" name="Abgerundetes Rechteck 87"/>
          <p:cNvSpPr/>
          <p:nvPr userDrawn="1"/>
        </p:nvSpPr>
        <p:spPr>
          <a:xfrm>
            <a:off x="12649206" y="3276897"/>
            <a:ext cx="1865457" cy="1442613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Placeholder Eye-catcher </a:t>
            </a:r>
            <a:br>
              <a:rPr lang="en-US" sz="1100" b="1" dirty="0">
                <a:solidFill>
                  <a:srgbClr val="2D1E1C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for notes and third party logos</a:t>
            </a:r>
          </a:p>
          <a:p>
            <a:r>
              <a:rPr lang="en-US" sz="1100" dirty="0">
                <a:solidFill>
                  <a:schemeClr val="bg1"/>
                </a:solidFill>
                <a:latin typeface="+mn-lt"/>
              </a:rPr>
              <a:t>Placement can be varied  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in</a:t>
            </a:r>
            <a:r>
              <a:rPr lang="en-US" sz="1100" baseline="0" dirty="0">
                <a:solidFill>
                  <a:schemeClr val="bg1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heights.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If it is</a:t>
            </a:r>
            <a:r>
              <a:rPr lang="en-US" sz="1100" baseline="0" dirty="0">
                <a:solidFill>
                  <a:schemeClr val="bg1"/>
                </a:solidFill>
                <a:latin typeface="+mn-lt"/>
              </a:rPr>
              <a:t> 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not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needed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, please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delete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 this element.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46964175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Intro Title Orange, Petrol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8288402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4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9" name="Grafik 48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735098" y="1139936"/>
            <a:ext cx="5225574" cy="5730245"/>
          </a:xfrm>
          <a:prstGeom prst="rect">
            <a:avLst/>
          </a:prstGeom>
        </p:spPr>
      </p:pic>
      <p:sp>
        <p:nvSpPr>
          <p:cNvPr id="202" name="cdtTextBox 11 Id18"/>
          <p:cNvSpPr txBox="1"/>
          <p:nvPr userDrawn="1">
            <p:custDataLst>
              <p:tags r:id="rId3"/>
            </p:custDataLst>
          </p:nvPr>
        </p:nvSpPr>
        <p:spPr>
          <a:xfrm>
            <a:off x="8020050" y="6597650"/>
            <a:ext cx="3620777" cy="15388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marL="0" marR="0" indent="0" algn="r" defTabSz="1088959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000" kern="0" noProof="0" dirty="0" err="1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Restrcited</a:t>
            </a:r>
            <a:r>
              <a:rPr lang="en-US" sz="1000" kern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©</a:t>
            </a:r>
            <a:r>
              <a:rPr lang="en-US" sz="1000" kern="0" baseline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Siemens</a:t>
            </a:r>
            <a:r>
              <a:rPr lang="en-US" sz="1000" kern="0" baseline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Healthcare</a:t>
            </a:r>
            <a:r>
              <a:rPr lang="en-US" sz="1000" kern="0" baseline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GmbH,</a:t>
            </a:r>
            <a:r>
              <a:rPr lang="en-US" sz="1000" kern="0" baseline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2016</a:t>
            </a:r>
          </a:p>
        </p:txBody>
      </p:sp>
      <p:sp>
        <p:nvSpPr>
          <p:cNvPr id="2" name="Titel 1"/>
          <p:cNvSpPr>
            <a:spLocks noGrp="1"/>
          </p:cNvSpPr>
          <p:nvPr userDrawn="1">
            <p:ph type="ctrTitle" hasCustomPrompt="1"/>
          </p:nvPr>
        </p:nvSpPr>
        <p:spPr>
          <a:xfrm>
            <a:off x="482600" y="3332530"/>
            <a:ext cx="5651500" cy="553998"/>
          </a:xfrm>
        </p:spPr>
        <p:txBody>
          <a:bodyPr anchor="b">
            <a:spAutoFit/>
          </a:bodyPr>
          <a:lstStyle>
            <a:lvl1pPr algn="l">
              <a:spcBef>
                <a:spcPts val="0"/>
              </a:spcBef>
              <a:defRPr sz="3600" b="1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en-US" dirty="0"/>
              <a:t>  Intro title, Calibri Bold, 36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3" name="Untertitel 2"/>
          <p:cNvSpPr>
            <a:spLocks noGrp="1"/>
          </p:cNvSpPr>
          <p:nvPr userDrawn="1">
            <p:ph type="subTitle" idx="1" hasCustomPrompt="1"/>
          </p:nvPr>
        </p:nvSpPr>
        <p:spPr>
          <a:xfrm>
            <a:off x="482601" y="3887100"/>
            <a:ext cx="5651500" cy="1477328"/>
          </a:xfrm>
        </p:spPr>
        <p:txBody>
          <a:bodyPr>
            <a:spAutoFit/>
          </a:bodyPr>
          <a:lstStyle>
            <a:lvl1pPr marL="0" indent="0" algn="l">
              <a:spcBef>
                <a:spcPts val="0"/>
              </a:spcBef>
              <a:buNone/>
              <a:defRPr sz="4800" b="1">
                <a:solidFill>
                  <a:schemeClr val="bg1"/>
                </a:solidFill>
                <a:latin typeface="+mn-lt"/>
              </a:defRPr>
            </a:lvl1pPr>
            <a:lvl2pPr marL="5444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108895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63343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217791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7223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32668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8113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43558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Title version 2,</a:t>
            </a:r>
            <a:br>
              <a:rPr lang="en-US" dirty="0"/>
            </a:br>
            <a:r>
              <a:rPr lang="en-US" dirty="0"/>
              <a:t>        Calibri Bold, 48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45" name="Textplatzhalter 44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5693172"/>
            <a:ext cx="5651500" cy="615553"/>
          </a:xfrm>
        </p:spPr>
        <p:txBody>
          <a:bodyPr wrap="square" anchor="b">
            <a:spAutoFit/>
          </a:bodyPr>
          <a:lstStyle>
            <a:lvl1pPr marL="0" indent="0" algn="l">
              <a:spcBef>
                <a:spcPts val="0"/>
              </a:spcBef>
              <a:buNone/>
              <a:defRPr sz="20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Presenter, Calibri 20 </a:t>
            </a:r>
            <a:r>
              <a:rPr lang="en-US" dirty="0" err="1"/>
              <a:t>pt</a:t>
            </a:r>
            <a:r>
              <a:rPr lang="en-US" dirty="0"/>
              <a:t>, Version 00,  </a:t>
            </a:r>
            <a:br>
              <a:rPr lang="en-US" dirty="0"/>
            </a:br>
            <a:r>
              <a:rPr lang="en-US" dirty="0"/>
              <a:t>English, Month 20XX</a:t>
            </a:r>
          </a:p>
        </p:txBody>
      </p:sp>
      <p:sp>
        <p:nvSpPr>
          <p:cNvPr id="198" name="Textplatzhalter 12"/>
          <p:cNvSpPr>
            <a:spLocks noGrp="1"/>
          </p:cNvSpPr>
          <p:nvPr userDrawn="1">
            <p:ph type="body" sz="quarter" idx="13" hasCustomPrompt="1"/>
          </p:nvPr>
        </p:nvSpPr>
        <p:spPr>
          <a:xfrm>
            <a:off x="10301466" y="3276897"/>
            <a:ext cx="1340949" cy="1340949"/>
          </a:xfrm>
          <a:prstGeom prst="ellipse">
            <a:avLst/>
          </a:prstGeom>
          <a:solidFill>
            <a:schemeClr val="bg1"/>
          </a:solidFill>
        </p:spPr>
        <p:txBody>
          <a:bodyPr anchor="ctr"/>
          <a:lstStyle>
            <a:lvl1pPr algn="ctr">
              <a:defRPr sz="1400" b="1" i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 Eye-catcher for notes and third party logos</a:t>
            </a:r>
          </a:p>
        </p:txBody>
      </p:sp>
      <p:grpSp>
        <p:nvGrpSpPr>
          <p:cNvPr id="237" name="Gruppieren 236"/>
          <p:cNvGrpSpPr/>
          <p:nvPr userDrawn="1"/>
        </p:nvGrpSpPr>
        <p:grpSpPr>
          <a:xfrm>
            <a:off x="-381000" y="-377826"/>
            <a:ext cx="12915900" cy="7610481"/>
            <a:chOff x="-381000" y="-377826"/>
            <a:chExt cx="12915900" cy="7610481"/>
          </a:xfrm>
        </p:grpSpPr>
        <p:cxnSp>
          <p:nvCxnSpPr>
            <p:cNvPr id="238" name="Gerade Verbindung 237"/>
            <p:cNvCxnSpPr/>
            <p:nvPr userDrawn="1"/>
          </p:nvCxnSpPr>
          <p:spPr>
            <a:xfrm flipH="1">
              <a:off x="-381000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9" name="Gerade Verbindung 238"/>
            <p:cNvCxnSpPr/>
            <p:nvPr userDrawn="1"/>
          </p:nvCxnSpPr>
          <p:spPr>
            <a:xfrm flipH="1">
              <a:off x="-381000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0" name="Gerade Verbindung 239"/>
            <p:cNvCxnSpPr/>
            <p:nvPr userDrawn="1"/>
          </p:nvCxnSpPr>
          <p:spPr>
            <a:xfrm flipH="1">
              <a:off x="12315825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1" name="Gerade Verbindung 240"/>
            <p:cNvCxnSpPr/>
            <p:nvPr userDrawn="1"/>
          </p:nvCxnSpPr>
          <p:spPr>
            <a:xfrm flipH="1">
              <a:off x="12315825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2" name="Gerade Verbindung 241"/>
            <p:cNvCxnSpPr/>
            <p:nvPr userDrawn="1"/>
          </p:nvCxnSpPr>
          <p:spPr>
            <a:xfrm rot="16200000" flipH="1">
              <a:off x="115331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3" name="Gerade Verbindung 242"/>
            <p:cNvCxnSpPr/>
            <p:nvPr userDrawn="1"/>
          </p:nvCxnSpPr>
          <p:spPr>
            <a:xfrm rot="16200000" flipH="1">
              <a:off x="95138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4" name="Gerade Verbindung 243"/>
            <p:cNvCxnSpPr/>
            <p:nvPr userDrawn="1"/>
          </p:nvCxnSpPr>
          <p:spPr>
            <a:xfrm rot="16200000" flipH="1">
              <a:off x="372160" y="712311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5" name="Gerade Verbindung 244"/>
            <p:cNvCxnSpPr/>
            <p:nvPr userDrawn="1"/>
          </p:nvCxnSpPr>
          <p:spPr>
            <a:xfrm rot="16200000" flipH="1">
              <a:off x="7764463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6" name="Gerade Verbindung 245"/>
            <p:cNvCxnSpPr/>
            <p:nvPr userDrawn="1"/>
          </p:nvCxnSpPr>
          <p:spPr>
            <a:xfrm rot="16200000" flipH="1">
              <a:off x="7907339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7" name="Gerade Verbindung 246"/>
            <p:cNvCxnSpPr/>
            <p:nvPr userDrawn="1"/>
          </p:nvCxnSpPr>
          <p:spPr>
            <a:xfrm rot="16200000" flipH="1">
              <a:off x="5878514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8" name="Gerade Verbindung 247"/>
            <p:cNvCxnSpPr/>
            <p:nvPr userDrawn="1"/>
          </p:nvCxnSpPr>
          <p:spPr>
            <a:xfrm rot="16200000" flipH="1">
              <a:off x="6021390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9" name="Gerade Verbindung 248"/>
            <p:cNvCxnSpPr/>
            <p:nvPr userDrawn="1"/>
          </p:nvCxnSpPr>
          <p:spPr>
            <a:xfrm rot="16200000" flipH="1">
              <a:off x="3997326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0" name="Gerade Verbindung 249"/>
            <p:cNvCxnSpPr/>
            <p:nvPr userDrawn="1"/>
          </p:nvCxnSpPr>
          <p:spPr>
            <a:xfrm rot="16200000" flipH="1">
              <a:off x="4140202" y="712311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1" name="Gerade Verbindung 250"/>
            <p:cNvCxnSpPr/>
            <p:nvPr userDrawn="1"/>
          </p:nvCxnSpPr>
          <p:spPr>
            <a:xfrm rot="16200000" flipH="1">
              <a:off x="115331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2" name="Gerade Verbindung 251"/>
            <p:cNvCxnSpPr/>
            <p:nvPr userDrawn="1"/>
          </p:nvCxnSpPr>
          <p:spPr>
            <a:xfrm rot="16200000" flipH="1">
              <a:off x="95138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3" name="Gerade Verbindung 252"/>
            <p:cNvCxnSpPr/>
            <p:nvPr userDrawn="1"/>
          </p:nvCxnSpPr>
          <p:spPr>
            <a:xfrm rot="16200000" flipH="1">
              <a:off x="372161" y="-2682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4" name="Gerade Verbindung 253"/>
            <p:cNvCxnSpPr/>
            <p:nvPr userDrawn="1"/>
          </p:nvCxnSpPr>
          <p:spPr>
            <a:xfrm rot="16200000" flipH="1">
              <a:off x="7764464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5" name="Gerade Verbindung 254"/>
            <p:cNvCxnSpPr/>
            <p:nvPr userDrawn="1"/>
          </p:nvCxnSpPr>
          <p:spPr>
            <a:xfrm rot="16200000" flipH="1">
              <a:off x="7907340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6" name="Gerade Verbindung 255"/>
            <p:cNvCxnSpPr/>
            <p:nvPr userDrawn="1"/>
          </p:nvCxnSpPr>
          <p:spPr>
            <a:xfrm rot="16200000" flipH="1">
              <a:off x="5878515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7" name="Gerade Verbindung 256"/>
            <p:cNvCxnSpPr/>
            <p:nvPr userDrawn="1"/>
          </p:nvCxnSpPr>
          <p:spPr>
            <a:xfrm rot="16200000" flipH="1">
              <a:off x="6021391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8" name="Gerade Verbindung 257"/>
            <p:cNvCxnSpPr/>
            <p:nvPr userDrawn="1"/>
          </p:nvCxnSpPr>
          <p:spPr>
            <a:xfrm rot="16200000" flipH="1">
              <a:off x="3997327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9" name="Gerade Verbindung 258"/>
            <p:cNvCxnSpPr/>
            <p:nvPr userDrawn="1"/>
          </p:nvCxnSpPr>
          <p:spPr>
            <a:xfrm rot="16200000" flipH="1">
              <a:off x="4140203" y="-26828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0" name="Gerade Verbindung 259"/>
            <p:cNvCxnSpPr/>
            <p:nvPr userDrawn="1"/>
          </p:nvCxnSpPr>
          <p:spPr>
            <a:xfrm flipH="1">
              <a:off x="-381000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1" name="Gerade Verbindung 260"/>
            <p:cNvCxnSpPr/>
            <p:nvPr userDrawn="1"/>
          </p:nvCxnSpPr>
          <p:spPr>
            <a:xfrm flipH="1">
              <a:off x="-381000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2" name="Gerade Verbindung 261"/>
            <p:cNvCxnSpPr/>
            <p:nvPr userDrawn="1"/>
          </p:nvCxnSpPr>
          <p:spPr>
            <a:xfrm flipH="1">
              <a:off x="12315825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3" name="Gerade Verbindung 262"/>
            <p:cNvCxnSpPr/>
            <p:nvPr userDrawn="1"/>
          </p:nvCxnSpPr>
          <p:spPr>
            <a:xfrm flipH="1">
              <a:off x="12315825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4" name="Gerade Verbindung 263"/>
            <p:cNvCxnSpPr/>
            <p:nvPr userDrawn="1"/>
          </p:nvCxnSpPr>
          <p:spPr>
            <a:xfrm flipH="1">
              <a:off x="12315825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5" name="Gerade Verbindung 264"/>
            <p:cNvCxnSpPr/>
            <p:nvPr userDrawn="1"/>
          </p:nvCxnSpPr>
          <p:spPr>
            <a:xfrm flipH="1">
              <a:off x="-381000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6" name="Gruppieren 5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196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53" name="Gruppieren 52"/>
            <p:cNvGrpSpPr/>
            <p:nvPr userDrawn="1"/>
          </p:nvGrpSpPr>
          <p:grpSpPr bwMode="gray">
            <a:xfrm>
              <a:off x="481775" y="337455"/>
              <a:ext cx="2815389" cy="662027"/>
              <a:chOff x="481775" y="337455"/>
              <a:chExt cx="2815389" cy="662027"/>
            </a:xfrm>
          </p:grpSpPr>
          <p:sp>
            <p:nvSpPr>
              <p:cNvPr id="54" name="Freihandform 53"/>
              <p:cNvSpPr>
                <a:spLocks noChangeArrowheads="1"/>
              </p:cNvSpPr>
              <p:nvPr/>
            </p:nvSpPr>
            <p:spPr bwMode="gray">
              <a:xfrm>
                <a:off x="2813076" y="444433"/>
                <a:ext cx="484088" cy="476290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5" name="Freihandform 54"/>
              <p:cNvSpPr>
                <a:spLocks noChangeArrowheads="1"/>
              </p:cNvSpPr>
              <p:nvPr/>
            </p:nvSpPr>
            <p:spPr bwMode="gray">
              <a:xfrm>
                <a:off x="1175199" y="337455"/>
                <a:ext cx="1597949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chemeClr val="accent3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6" name="Freihandform 55"/>
              <p:cNvSpPr>
                <a:spLocks noChangeArrowheads="1"/>
              </p:cNvSpPr>
              <p:nvPr/>
            </p:nvSpPr>
            <p:spPr bwMode="gray">
              <a:xfrm>
                <a:off x="481775" y="682626"/>
                <a:ext cx="2292197" cy="316856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chemeClr val="tx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48" name="Abgerundetes Rechteck 87"/>
          <p:cNvSpPr/>
          <p:nvPr userDrawn="1"/>
        </p:nvSpPr>
        <p:spPr>
          <a:xfrm>
            <a:off x="12649206" y="3276897"/>
            <a:ext cx="1865457" cy="1442613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Placeholder Eye-catcher </a:t>
            </a:r>
            <a:br>
              <a:rPr lang="en-US" sz="1100" b="1" dirty="0">
                <a:solidFill>
                  <a:srgbClr val="2D1E1C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for notes and third party logos</a:t>
            </a:r>
          </a:p>
          <a:p>
            <a:r>
              <a:rPr lang="en-US" sz="1100" dirty="0">
                <a:solidFill>
                  <a:schemeClr val="bg1"/>
                </a:solidFill>
                <a:latin typeface="+mn-lt"/>
              </a:rPr>
              <a:t>Placement can be varied  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in</a:t>
            </a:r>
            <a:r>
              <a:rPr lang="en-US" sz="1100" baseline="0" dirty="0">
                <a:solidFill>
                  <a:schemeClr val="bg1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heights.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If it is</a:t>
            </a:r>
            <a:r>
              <a:rPr lang="en-US" sz="1100" baseline="0" dirty="0">
                <a:solidFill>
                  <a:schemeClr val="bg1"/>
                </a:solidFill>
                <a:latin typeface="+mn-lt"/>
              </a:rPr>
              <a:t> 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not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needed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, please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delete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 this element.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202935024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Intro Title Whit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ctrTitle" hasCustomPrompt="1"/>
          </p:nvPr>
        </p:nvSpPr>
        <p:spPr>
          <a:xfrm>
            <a:off x="482599" y="3158649"/>
            <a:ext cx="7394575" cy="738664"/>
          </a:xfrm>
        </p:spPr>
        <p:txBody>
          <a:bodyPr wrap="square" anchor="b">
            <a:spAutoFit/>
          </a:bodyPr>
          <a:lstStyle>
            <a:lvl1pPr algn="l">
              <a:spcBef>
                <a:spcPts val="0"/>
              </a:spcBef>
              <a:defRPr sz="4800" b="1">
                <a:solidFill>
                  <a:schemeClr val="accent1"/>
                </a:solidFill>
                <a:latin typeface="+mn-lt"/>
              </a:defRPr>
            </a:lvl1pPr>
          </a:lstStyle>
          <a:p>
            <a:r>
              <a:rPr lang="en-US" dirty="0"/>
              <a:t>Intro title, Calibri Bold, 48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3" name="Untertitel 2"/>
          <p:cNvSpPr>
            <a:spLocks noGrp="1"/>
          </p:cNvSpPr>
          <p:nvPr>
            <p:ph type="subTitle" idx="1" hasCustomPrompt="1"/>
          </p:nvPr>
        </p:nvSpPr>
        <p:spPr>
          <a:xfrm>
            <a:off x="482600" y="3897885"/>
            <a:ext cx="7394575" cy="553998"/>
          </a:xfrm>
        </p:spPr>
        <p:txBody>
          <a:bodyPr wrap="square">
            <a:spAutoFit/>
          </a:bodyPr>
          <a:lstStyle>
            <a:lvl1pPr marL="0" indent="0" algn="l">
              <a:spcBef>
                <a:spcPts val="0"/>
              </a:spcBef>
              <a:buNone/>
              <a:defRPr sz="3600" b="1" baseline="0">
                <a:solidFill>
                  <a:schemeClr val="accent2"/>
                </a:solidFill>
                <a:latin typeface="+mn-lt"/>
              </a:defRPr>
            </a:lvl1pPr>
            <a:lvl2pPr marL="5444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108895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63343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217791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7223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326687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8113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43558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    Title version 3, Calibri Bold, 36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43" name="cdtTextBox 11 Id18"/>
          <p:cNvSpPr txBox="1"/>
          <p:nvPr userDrawn="1">
            <p:custDataLst>
              <p:tags r:id="rId2"/>
            </p:custDataLst>
          </p:nvPr>
        </p:nvSpPr>
        <p:spPr>
          <a:xfrm>
            <a:off x="486000" y="6396038"/>
            <a:ext cx="4120768" cy="15388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r>
              <a:rPr lang="en-US" sz="1000">
                <a:solidFill>
                  <a:schemeClr val="bg1"/>
                </a:solidFill>
                <a:latin typeface="Calibri" panose="020F0502020204030204" pitchFamily="34" charset="0"/>
              </a:rPr>
              <a:t>Unrestricted © Siemens Healthcare GmbH, 2016</a:t>
            </a:r>
            <a:endParaRPr lang="en-US" sz="1000" dirty="0">
              <a:solidFill>
                <a:schemeClr val="bg1"/>
              </a:solidFill>
              <a:latin typeface="Calibri" panose="020F0502020204030204" pitchFamily="34" charset="0"/>
            </a:endParaRPr>
          </a:p>
        </p:txBody>
      </p:sp>
      <p:sp>
        <p:nvSpPr>
          <p:cNvPr id="45" name="Textplatzhalter 44"/>
          <p:cNvSpPr>
            <a:spLocks noGrp="1"/>
          </p:cNvSpPr>
          <p:nvPr>
            <p:ph type="body" sz="quarter" idx="10" hasCustomPrompt="1"/>
          </p:nvPr>
        </p:nvSpPr>
        <p:spPr>
          <a:xfrm>
            <a:off x="482599" y="5693172"/>
            <a:ext cx="7394575" cy="615553"/>
          </a:xfrm>
        </p:spPr>
        <p:txBody>
          <a:bodyPr wrap="square" anchor="b">
            <a:spAutoFit/>
          </a:bodyPr>
          <a:lstStyle>
            <a:lvl1pPr marL="0" indent="0" algn="l">
              <a:spcBef>
                <a:spcPts val="0"/>
              </a:spcBef>
              <a:buNone/>
              <a:defRPr sz="2000" b="0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Presenter, Calibri 20 </a:t>
            </a:r>
            <a:r>
              <a:rPr lang="en-US" dirty="0" err="1"/>
              <a:t>pt</a:t>
            </a:r>
            <a:r>
              <a:rPr lang="en-US" dirty="0"/>
              <a:t>, Version 00,  </a:t>
            </a:r>
            <a:br>
              <a:rPr lang="en-US" dirty="0"/>
            </a:br>
            <a:r>
              <a:rPr lang="en-US" dirty="0"/>
              <a:t>English, Month 20XX</a:t>
            </a:r>
          </a:p>
        </p:txBody>
      </p:sp>
      <p:sp>
        <p:nvSpPr>
          <p:cNvPr id="48" name="Textplatzhalter 12"/>
          <p:cNvSpPr>
            <a:spLocks noGrp="1"/>
          </p:cNvSpPr>
          <p:nvPr>
            <p:ph type="body" sz="quarter" idx="13" hasCustomPrompt="1"/>
          </p:nvPr>
        </p:nvSpPr>
        <p:spPr>
          <a:xfrm>
            <a:off x="10303364" y="4967776"/>
            <a:ext cx="1340949" cy="1340949"/>
          </a:xfrm>
          <a:prstGeom prst="ellipse">
            <a:avLst/>
          </a:prstGeom>
          <a:solidFill>
            <a:srgbClr val="FAD9C0"/>
          </a:solidFill>
        </p:spPr>
        <p:txBody>
          <a:bodyPr anchor="ctr"/>
          <a:lstStyle>
            <a:lvl1pPr algn="ctr">
              <a:defRPr sz="1400" b="1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 Eye-catcher for notes and third party logos</a:t>
            </a:r>
          </a:p>
        </p:txBody>
      </p:sp>
      <p:grpSp>
        <p:nvGrpSpPr>
          <p:cNvPr id="86" name="Gruppieren 85"/>
          <p:cNvGrpSpPr/>
          <p:nvPr userDrawn="1"/>
        </p:nvGrpSpPr>
        <p:grpSpPr>
          <a:xfrm>
            <a:off x="-381000" y="-377826"/>
            <a:ext cx="12915900" cy="7610481"/>
            <a:chOff x="-381000" y="-377826"/>
            <a:chExt cx="12915900" cy="7610481"/>
          </a:xfrm>
        </p:grpSpPr>
        <p:cxnSp>
          <p:nvCxnSpPr>
            <p:cNvPr id="87" name="Gerade Verbindung 86"/>
            <p:cNvCxnSpPr/>
            <p:nvPr userDrawn="1"/>
          </p:nvCxnSpPr>
          <p:spPr>
            <a:xfrm flipH="1">
              <a:off x="-381000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 Verbindung 87"/>
            <p:cNvCxnSpPr/>
            <p:nvPr userDrawn="1"/>
          </p:nvCxnSpPr>
          <p:spPr>
            <a:xfrm flipH="1">
              <a:off x="-381000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 Verbindung 88"/>
            <p:cNvCxnSpPr/>
            <p:nvPr userDrawn="1"/>
          </p:nvCxnSpPr>
          <p:spPr>
            <a:xfrm flipH="1">
              <a:off x="12315825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 Verbindung 89"/>
            <p:cNvCxnSpPr/>
            <p:nvPr userDrawn="1"/>
          </p:nvCxnSpPr>
          <p:spPr>
            <a:xfrm flipH="1">
              <a:off x="12315825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 Verbindung 90"/>
            <p:cNvCxnSpPr/>
            <p:nvPr userDrawn="1"/>
          </p:nvCxnSpPr>
          <p:spPr>
            <a:xfrm rot="16200000" flipH="1">
              <a:off x="115331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 Verbindung 91"/>
            <p:cNvCxnSpPr/>
            <p:nvPr userDrawn="1"/>
          </p:nvCxnSpPr>
          <p:spPr>
            <a:xfrm rot="16200000" flipH="1">
              <a:off x="95138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 Verbindung 92"/>
            <p:cNvCxnSpPr/>
            <p:nvPr userDrawn="1"/>
          </p:nvCxnSpPr>
          <p:spPr>
            <a:xfrm rot="16200000" flipH="1">
              <a:off x="372160" y="712311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 Verbindung 93"/>
            <p:cNvCxnSpPr/>
            <p:nvPr userDrawn="1"/>
          </p:nvCxnSpPr>
          <p:spPr>
            <a:xfrm rot="16200000" flipH="1">
              <a:off x="7764463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 Verbindung 94"/>
            <p:cNvCxnSpPr/>
            <p:nvPr userDrawn="1"/>
          </p:nvCxnSpPr>
          <p:spPr>
            <a:xfrm rot="16200000" flipH="1">
              <a:off x="7907339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6" name="Gerade Verbindung 95"/>
            <p:cNvCxnSpPr/>
            <p:nvPr userDrawn="1"/>
          </p:nvCxnSpPr>
          <p:spPr>
            <a:xfrm rot="16200000" flipH="1">
              <a:off x="5878514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7" name="Gerade Verbindung 96"/>
            <p:cNvCxnSpPr/>
            <p:nvPr userDrawn="1"/>
          </p:nvCxnSpPr>
          <p:spPr>
            <a:xfrm rot="16200000" flipH="1">
              <a:off x="6021390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8" name="Gerade Verbindung 97"/>
            <p:cNvCxnSpPr/>
            <p:nvPr userDrawn="1"/>
          </p:nvCxnSpPr>
          <p:spPr>
            <a:xfrm rot="16200000" flipH="1">
              <a:off x="3997326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9" name="Gerade Verbindung 98"/>
            <p:cNvCxnSpPr/>
            <p:nvPr userDrawn="1"/>
          </p:nvCxnSpPr>
          <p:spPr>
            <a:xfrm rot="16200000" flipH="1">
              <a:off x="4140202" y="712311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0" name="Gerade Verbindung 99"/>
            <p:cNvCxnSpPr/>
            <p:nvPr userDrawn="1"/>
          </p:nvCxnSpPr>
          <p:spPr>
            <a:xfrm rot="16200000" flipH="1">
              <a:off x="115331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1" name="Gerade Verbindung 100"/>
            <p:cNvCxnSpPr/>
            <p:nvPr userDrawn="1"/>
          </p:nvCxnSpPr>
          <p:spPr>
            <a:xfrm rot="16200000" flipH="1">
              <a:off x="95138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2" name="Gerade Verbindung 101"/>
            <p:cNvCxnSpPr/>
            <p:nvPr userDrawn="1"/>
          </p:nvCxnSpPr>
          <p:spPr>
            <a:xfrm rot="16200000" flipH="1">
              <a:off x="372161" y="-2682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3" name="Gerade Verbindung 102"/>
            <p:cNvCxnSpPr/>
            <p:nvPr userDrawn="1"/>
          </p:nvCxnSpPr>
          <p:spPr>
            <a:xfrm rot="16200000" flipH="1">
              <a:off x="7764464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4" name="Gerade Verbindung 103"/>
            <p:cNvCxnSpPr/>
            <p:nvPr userDrawn="1"/>
          </p:nvCxnSpPr>
          <p:spPr>
            <a:xfrm rot="16200000" flipH="1">
              <a:off x="7907340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5" name="Gerade Verbindung 104"/>
            <p:cNvCxnSpPr/>
            <p:nvPr userDrawn="1"/>
          </p:nvCxnSpPr>
          <p:spPr>
            <a:xfrm rot="16200000" flipH="1">
              <a:off x="5878515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6" name="Gerade Verbindung 105"/>
            <p:cNvCxnSpPr/>
            <p:nvPr userDrawn="1"/>
          </p:nvCxnSpPr>
          <p:spPr>
            <a:xfrm rot="16200000" flipH="1">
              <a:off x="6021391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7" name="Gerade Verbindung 106"/>
            <p:cNvCxnSpPr/>
            <p:nvPr userDrawn="1"/>
          </p:nvCxnSpPr>
          <p:spPr>
            <a:xfrm rot="16200000" flipH="1">
              <a:off x="3997327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8" name="Gerade Verbindung 107"/>
            <p:cNvCxnSpPr/>
            <p:nvPr userDrawn="1"/>
          </p:nvCxnSpPr>
          <p:spPr>
            <a:xfrm rot="16200000" flipH="1">
              <a:off x="4140203" y="-26828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9" name="Gerade Verbindung 108"/>
            <p:cNvCxnSpPr/>
            <p:nvPr userDrawn="1"/>
          </p:nvCxnSpPr>
          <p:spPr>
            <a:xfrm flipH="1">
              <a:off x="-381000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0" name="Gerade Verbindung 109"/>
            <p:cNvCxnSpPr/>
            <p:nvPr userDrawn="1"/>
          </p:nvCxnSpPr>
          <p:spPr>
            <a:xfrm flipH="1">
              <a:off x="-381000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1" name="Gerade Verbindung 110"/>
            <p:cNvCxnSpPr/>
            <p:nvPr userDrawn="1"/>
          </p:nvCxnSpPr>
          <p:spPr>
            <a:xfrm flipH="1">
              <a:off x="12315825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2" name="Gerade Verbindung 111"/>
            <p:cNvCxnSpPr/>
            <p:nvPr userDrawn="1"/>
          </p:nvCxnSpPr>
          <p:spPr>
            <a:xfrm flipH="1">
              <a:off x="12315825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3" name="Gerade Verbindung 112"/>
            <p:cNvCxnSpPr/>
            <p:nvPr userDrawn="1"/>
          </p:nvCxnSpPr>
          <p:spPr>
            <a:xfrm flipH="1">
              <a:off x="12315825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4" name="Gerade Verbindung 113"/>
            <p:cNvCxnSpPr/>
            <p:nvPr userDrawn="1"/>
          </p:nvCxnSpPr>
          <p:spPr>
            <a:xfrm flipH="1">
              <a:off x="-381000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16" name="cdtTextBox 11 Id18"/>
          <p:cNvSpPr txBox="1"/>
          <p:nvPr userDrawn="1">
            <p:custDataLst>
              <p:tags r:id="rId3"/>
            </p:custDataLst>
          </p:nvPr>
        </p:nvSpPr>
        <p:spPr>
          <a:xfrm>
            <a:off x="8020050" y="6597650"/>
            <a:ext cx="3620777" cy="15388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marL="0" marR="0" indent="0" algn="r" defTabSz="1088959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000" kern="0" noProof="0">
                <a:solidFill>
                  <a:schemeClr val="tx1"/>
                </a:solidFill>
                <a:latin typeface="+mn-lt"/>
                <a:cs typeface="Arial" panose="020B0604020202020204" pitchFamily="34" charset="0"/>
              </a:rPr>
              <a:t>Unrestricted © Siemens Healthcare GmbH, 2016 </a:t>
            </a:r>
            <a:endParaRPr lang="en-US" sz="1000" kern="0" noProof="0" dirty="0">
              <a:solidFill>
                <a:schemeClr val="tx1"/>
              </a:solidFill>
              <a:latin typeface="+mn-lt"/>
              <a:cs typeface="Arial" panose="020B0604020202020204" pitchFamily="34" charset="0"/>
            </a:endParaRPr>
          </a:p>
        </p:txBody>
      </p:sp>
      <p:grpSp>
        <p:nvGrpSpPr>
          <p:cNvPr id="47" name="Gruppieren 46"/>
          <p:cNvGrpSpPr/>
          <p:nvPr userDrawn="1"/>
        </p:nvGrpSpPr>
        <p:grpSpPr>
          <a:xfrm>
            <a:off x="481775" y="337455"/>
            <a:ext cx="2815389" cy="662027"/>
            <a:chOff x="481775" y="337455"/>
            <a:chExt cx="2815389" cy="662027"/>
          </a:xfrm>
        </p:grpSpPr>
        <p:sp>
          <p:nvSpPr>
            <p:cNvPr id="49" name="Freihandform 48"/>
            <p:cNvSpPr>
              <a:spLocks noChangeArrowheads="1"/>
            </p:cNvSpPr>
            <p:nvPr/>
          </p:nvSpPr>
          <p:spPr bwMode="auto">
            <a:xfrm>
              <a:off x="2813076" y="444433"/>
              <a:ext cx="484088" cy="476290"/>
            </a:xfrm>
            <a:custGeom>
              <a:avLst/>
              <a:gdLst>
                <a:gd name="connsiteX0" fmla="*/ 224003 w 484088"/>
                <a:gd name="connsiteY0" fmla="*/ 410646 h 476290"/>
                <a:gd name="connsiteX1" fmla="*/ 247187 w 484088"/>
                <a:gd name="connsiteY1" fmla="*/ 420103 h 476290"/>
                <a:gd name="connsiteX2" fmla="*/ 247187 w 484088"/>
                <a:gd name="connsiteY2" fmla="*/ 466833 h 476290"/>
                <a:gd name="connsiteX3" fmla="*/ 200818 w 484088"/>
                <a:gd name="connsiteY3" fmla="*/ 466833 h 476290"/>
                <a:gd name="connsiteX4" fmla="*/ 200818 w 484088"/>
                <a:gd name="connsiteY4" fmla="*/ 420103 h 476290"/>
                <a:gd name="connsiteX5" fmla="*/ 224003 w 484088"/>
                <a:gd name="connsiteY5" fmla="*/ 410646 h 476290"/>
                <a:gd name="connsiteX6" fmla="*/ 121049 w 484088"/>
                <a:gd name="connsiteY6" fmla="*/ 316301 h 476290"/>
                <a:gd name="connsiteX7" fmla="*/ 138696 w 484088"/>
                <a:gd name="connsiteY7" fmla="*/ 323796 h 476290"/>
                <a:gd name="connsiteX8" fmla="*/ 138696 w 484088"/>
                <a:gd name="connsiteY8" fmla="*/ 359325 h 476290"/>
                <a:gd name="connsiteX9" fmla="*/ 103128 w 484088"/>
                <a:gd name="connsiteY9" fmla="*/ 359325 h 476290"/>
                <a:gd name="connsiteX10" fmla="*/ 103128 w 484088"/>
                <a:gd name="connsiteY10" fmla="*/ 323796 h 476290"/>
                <a:gd name="connsiteX11" fmla="*/ 121049 w 484088"/>
                <a:gd name="connsiteY11" fmla="*/ 316301 h 476290"/>
                <a:gd name="connsiteX12" fmla="*/ 325449 w 484088"/>
                <a:gd name="connsiteY12" fmla="*/ 298284 h 476290"/>
                <a:gd name="connsiteX13" fmla="*/ 356024 w 484088"/>
                <a:gd name="connsiteY13" fmla="*/ 310902 h 476290"/>
                <a:gd name="connsiteX14" fmla="*/ 356024 w 484088"/>
                <a:gd name="connsiteY14" fmla="*/ 372214 h 476290"/>
                <a:gd name="connsiteX15" fmla="*/ 294874 w 484088"/>
                <a:gd name="connsiteY15" fmla="*/ 372214 h 476290"/>
                <a:gd name="connsiteX16" fmla="*/ 294874 w 484088"/>
                <a:gd name="connsiteY16" fmla="*/ 310902 h 476290"/>
                <a:gd name="connsiteX17" fmla="*/ 325449 w 484088"/>
                <a:gd name="connsiteY17" fmla="*/ 298284 h 476290"/>
                <a:gd name="connsiteX18" fmla="*/ 19273 w 484088"/>
                <a:gd name="connsiteY18" fmla="*/ 218685 h 476290"/>
                <a:gd name="connsiteX19" fmla="*/ 32986 w 484088"/>
                <a:gd name="connsiteY19" fmla="*/ 224259 h 476290"/>
                <a:gd name="connsiteX20" fmla="*/ 32986 w 484088"/>
                <a:gd name="connsiteY20" fmla="*/ 251759 h 476290"/>
                <a:gd name="connsiteX21" fmla="*/ 5560 w 484088"/>
                <a:gd name="connsiteY21" fmla="*/ 251759 h 476290"/>
                <a:gd name="connsiteX22" fmla="*/ 5560 w 484088"/>
                <a:gd name="connsiteY22" fmla="*/ 224259 h 476290"/>
                <a:gd name="connsiteX23" fmla="*/ 19273 w 484088"/>
                <a:gd name="connsiteY23" fmla="*/ 218685 h 476290"/>
                <a:gd name="connsiteX24" fmla="*/ 224003 w 484088"/>
                <a:gd name="connsiteY24" fmla="*/ 205318 h 476290"/>
                <a:gd name="connsiteX25" fmla="*/ 247187 w 484088"/>
                <a:gd name="connsiteY25" fmla="*/ 215174 h 476290"/>
                <a:gd name="connsiteX26" fmla="*/ 247187 w 484088"/>
                <a:gd name="connsiteY26" fmla="*/ 262482 h 476290"/>
                <a:gd name="connsiteX27" fmla="*/ 200818 w 484088"/>
                <a:gd name="connsiteY27" fmla="*/ 262482 h 476290"/>
                <a:gd name="connsiteX28" fmla="*/ 200818 w 484088"/>
                <a:gd name="connsiteY28" fmla="*/ 215174 h 476290"/>
                <a:gd name="connsiteX29" fmla="*/ 224003 w 484088"/>
                <a:gd name="connsiteY29" fmla="*/ 205318 h 476290"/>
                <a:gd name="connsiteX30" fmla="*/ 428279 w 484088"/>
                <a:gd name="connsiteY30" fmla="*/ 182871 h 476290"/>
                <a:gd name="connsiteX31" fmla="*/ 467652 w 484088"/>
                <a:gd name="connsiteY31" fmla="*/ 199351 h 476290"/>
                <a:gd name="connsiteX32" fmla="*/ 467652 w 484088"/>
                <a:gd name="connsiteY32" fmla="*/ 278307 h 476290"/>
                <a:gd name="connsiteX33" fmla="*/ 388906 w 484088"/>
                <a:gd name="connsiteY33" fmla="*/ 278307 h 476290"/>
                <a:gd name="connsiteX34" fmla="*/ 388906 w 484088"/>
                <a:gd name="connsiteY34" fmla="*/ 199351 h 476290"/>
                <a:gd name="connsiteX35" fmla="*/ 428279 w 484088"/>
                <a:gd name="connsiteY35" fmla="*/ 182871 h 476290"/>
                <a:gd name="connsiteX36" fmla="*/ 121049 w 484088"/>
                <a:gd name="connsiteY36" fmla="*/ 110842 h 476290"/>
                <a:gd name="connsiteX37" fmla="*/ 138696 w 484088"/>
                <a:gd name="connsiteY37" fmla="*/ 118337 h 476290"/>
                <a:gd name="connsiteX38" fmla="*/ 138696 w 484088"/>
                <a:gd name="connsiteY38" fmla="*/ 154236 h 476290"/>
                <a:gd name="connsiteX39" fmla="*/ 103128 w 484088"/>
                <a:gd name="connsiteY39" fmla="*/ 154236 h 476290"/>
                <a:gd name="connsiteX40" fmla="*/ 103128 w 484088"/>
                <a:gd name="connsiteY40" fmla="*/ 118337 h 476290"/>
                <a:gd name="connsiteX41" fmla="*/ 121049 w 484088"/>
                <a:gd name="connsiteY41" fmla="*/ 110842 h 476290"/>
                <a:gd name="connsiteX42" fmla="*/ 325683 w 484088"/>
                <a:gd name="connsiteY42" fmla="*/ 92919 h 476290"/>
                <a:gd name="connsiteX43" fmla="*/ 356092 w 484088"/>
                <a:gd name="connsiteY43" fmla="*/ 105817 h 476290"/>
                <a:gd name="connsiteX44" fmla="*/ 356092 w 484088"/>
                <a:gd name="connsiteY44" fmla="*/ 166756 h 476290"/>
                <a:gd name="connsiteX45" fmla="*/ 295553 w 484088"/>
                <a:gd name="connsiteY45" fmla="*/ 166756 h 476290"/>
                <a:gd name="connsiteX46" fmla="*/ 295553 w 484088"/>
                <a:gd name="connsiteY46" fmla="*/ 105817 h 476290"/>
                <a:gd name="connsiteX47" fmla="*/ 325683 w 484088"/>
                <a:gd name="connsiteY47" fmla="*/ 92919 h 476290"/>
                <a:gd name="connsiteX48" fmla="*/ 224003 w 484088"/>
                <a:gd name="connsiteY48" fmla="*/ 0 h 476290"/>
                <a:gd name="connsiteX49" fmla="*/ 247187 w 484088"/>
                <a:gd name="connsiteY49" fmla="*/ 9715 h 476290"/>
                <a:gd name="connsiteX50" fmla="*/ 247187 w 484088"/>
                <a:gd name="connsiteY50" fmla="*/ 57022 h 476290"/>
                <a:gd name="connsiteX51" fmla="*/ 200818 w 484088"/>
                <a:gd name="connsiteY51" fmla="*/ 57022 h 476290"/>
                <a:gd name="connsiteX52" fmla="*/ 200818 w 484088"/>
                <a:gd name="connsiteY52" fmla="*/ 9715 h 476290"/>
                <a:gd name="connsiteX53" fmla="*/ 224003 w 484088"/>
                <a:gd name="connsiteY53" fmla="*/ 0 h 47629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</a:cxnLst>
              <a:rect l="l" t="t" r="r" b="b"/>
              <a:pathLst>
                <a:path w="484088" h="476290">
                  <a:moveTo>
                    <a:pt x="224003" y="410646"/>
                  </a:moveTo>
                  <a:cubicBezTo>
                    <a:pt x="232375" y="410646"/>
                    <a:pt x="240747" y="413798"/>
                    <a:pt x="247187" y="420103"/>
                  </a:cubicBezTo>
                  <a:cubicBezTo>
                    <a:pt x="260067" y="433084"/>
                    <a:pt x="260067" y="453853"/>
                    <a:pt x="247187" y="466833"/>
                  </a:cubicBezTo>
                  <a:cubicBezTo>
                    <a:pt x="234307" y="479443"/>
                    <a:pt x="213699" y="479443"/>
                    <a:pt x="200818" y="466833"/>
                  </a:cubicBezTo>
                  <a:cubicBezTo>
                    <a:pt x="188306" y="454224"/>
                    <a:pt x="188306" y="433455"/>
                    <a:pt x="200818" y="420103"/>
                  </a:cubicBezTo>
                  <a:cubicBezTo>
                    <a:pt x="207259" y="413798"/>
                    <a:pt x="215631" y="410646"/>
                    <a:pt x="224003" y="410646"/>
                  </a:cubicBezTo>
                  <a:close/>
                  <a:moveTo>
                    <a:pt x="121049" y="316301"/>
                  </a:moveTo>
                  <a:cubicBezTo>
                    <a:pt x="127512" y="316301"/>
                    <a:pt x="133929" y="318800"/>
                    <a:pt x="138696" y="323796"/>
                  </a:cubicBezTo>
                  <a:cubicBezTo>
                    <a:pt x="148597" y="333788"/>
                    <a:pt x="148597" y="349333"/>
                    <a:pt x="138696" y="359325"/>
                  </a:cubicBezTo>
                  <a:cubicBezTo>
                    <a:pt x="129162" y="369318"/>
                    <a:pt x="113028" y="369318"/>
                    <a:pt x="103128" y="359325"/>
                  </a:cubicBezTo>
                  <a:cubicBezTo>
                    <a:pt x="93227" y="349333"/>
                    <a:pt x="93227" y="333788"/>
                    <a:pt x="103128" y="323796"/>
                  </a:cubicBezTo>
                  <a:cubicBezTo>
                    <a:pt x="108078" y="318800"/>
                    <a:pt x="114587" y="316301"/>
                    <a:pt x="121049" y="316301"/>
                  </a:cubicBezTo>
                  <a:close/>
                  <a:moveTo>
                    <a:pt x="325449" y="298284"/>
                  </a:moveTo>
                  <a:cubicBezTo>
                    <a:pt x="336448" y="298284"/>
                    <a:pt x="347448" y="302490"/>
                    <a:pt x="356024" y="310902"/>
                  </a:cubicBezTo>
                  <a:cubicBezTo>
                    <a:pt x="372803" y="328099"/>
                    <a:pt x="373175" y="355016"/>
                    <a:pt x="356024" y="372214"/>
                  </a:cubicBezTo>
                  <a:cubicBezTo>
                    <a:pt x="339245" y="389037"/>
                    <a:pt x="312026" y="389037"/>
                    <a:pt x="294874" y="372214"/>
                  </a:cubicBezTo>
                  <a:cubicBezTo>
                    <a:pt x="278468" y="355016"/>
                    <a:pt x="278468" y="328099"/>
                    <a:pt x="294874" y="310902"/>
                  </a:cubicBezTo>
                  <a:cubicBezTo>
                    <a:pt x="303450" y="302490"/>
                    <a:pt x="314449" y="298284"/>
                    <a:pt x="325449" y="298284"/>
                  </a:cubicBezTo>
                  <a:close/>
                  <a:moveTo>
                    <a:pt x="19273" y="218685"/>
                  </a:moveTo>
                  <a:cubicBezTo>
                    <a:pt x="24277" y="218685"/>
                    <a:pt x="29280" y="220543"/>
                    <a:pt x="32986" y="224259"/>
                  </a:cubicBezTo>
                  <a:cubicBezTo>
                    <a:pt x="40399" y="231692"/>
                    <a:pt x="40399" y="243955"/>
                    <a:pt x="32986" y="251759"/>
                  </a:cubicBezTo>
                  <a:cubicBezTo>
                    <a:pt x="25574" y="259192"/>
                    <a:pt x="12972" y="259192"/>
                    <a:pt x="5560" y="251759"/>
                  </a:cubicBezTo>
                  <a:cubicBezTo>
                    <a:pt x="-1853" y="243955"/>
                    <a:pt x="-1853" y="231692"/>
                    <a:pt x="5560" y="224259"/>
                  </a:cubicBezTo>
                  <a:cubicBezTo>
                    <a:pt x="9266" y="220543"/>
                    <a:pt x="14270" y="218685"/>
                    <a:pt x="19273" y="218685"/>
                  </a:cubicBezTo>
                  <a:close/>
                  <a:moveTo>
                    <a:pt x="224003" y="205318"/>
                  </a:moveTo>
                  <a:cubicBezTo>
                    <a:pt x="232375" y="205318"/>
                    <a:pt x="240747" y="208604"/>
                    <a:pt x="247187" y="215174"/>
                  </a:cubicBezTo>
                  <a:cubicBezTo>
                    <a:pt x="260067" y="228315"/>
                    <a:pt x="260067" y="249341"/>
                    <a:pt x="247187" y="262482"/>
                  </a:cubicBezTo>
                  <a:cubicBezTo>
                    <a:pt x="234307" y="275624"/>
                    <a:pt x="213699" y="275624"/>
                    <a:pt x="200818" y="262482"/>
                  </a:cubicBezTo>
                  <a:cubicBezTo>
                    <a:pt x="188306" y="249341"/>
                    <a:pt x="188306" y="228315"/>
                    <a:pt x="200818" y="215174"/>
                  </a:cubicBezTo>
                  <a:cubicBezTo>
                    <a:pt x="207259" y="208604"/>
                    <a:pt x="215631" y="205318"/>
                    <a:pt x="224003" y="205318"/>
                  </a:cubicBezTo>
                  <a:close/>
                  <a:moveTo>
                    <a:pt x="428279" y="182871"/>
                  </a:moveTo>
                  <a:cubicBezTo>
                    <a:pt x="442487" y="182871"/>
                    <a:pt x="456694" y="188365"/>
                    <a:pt x="467652" y="199351"/>
                  </a:cubicBezTo>
                  <a:cubicBezTo>
                    <a:pt x="489567" y="221325"/>
                    <a:pt x="489567" y="256334"/>
                    <a:pt x="467652" y="278307"/>
                  </a:cubicBezTo>
                  <a:cubicBezTo>
                    <a:pt x="445737" y="300281"/>
                    <a:pt x="410821" y="300281"/>
                    <a:pt x="388906" y="278307"/>
                  </a:cubicBezTo>
                  <a:cubicBezTo>
                    <a:pt x="366991" y="256706"/>
                    <a:pt x="366991" y="221325"/>
                    <a:pt x="388906" y="199351"/>
                  </a:cubicBezTo>
                  <a:cubicBezTo>
                    <a:pt x="399864" y="188365"/>
                    <a:pt x="414071" y="182871"/>
                    <a:pt x="428279" y="182871"/>
                  </a:cubicBezTo>
                  <a:close/>
                  <a:moveTo>
                    <a:pt x="121049" y="110842"/>
                  </a:moveTo>
                  <a:cubicBezTo>
                    <a:pt x="127512" y="110842"/>
                    <a:pt x="133929" y="113340"/>
                    <a:pt x="138696" y="118337"/>
                  </a:cubicBezTo>
                  <a:cubicBezTo>
                    <a:pt x="148597" y="128329"/>
                    <a:pt x="148597" y="144244"/>
                    <a:pt x="138696" y="154236"/>
                  </a:cubicBezTo>
                  <a:cubicBezTo>
                    <a:pt x="129162" y="163859"/>
                    <a:pt x="113028" y="163859"/>
                    <a:pt x="103128" y="154236"/>
                  </a:cubicBezTo>
                  <a:cubicBezTo>
                    <a:pt x="93227" y="144244"/>
                    <a:pt x="93227" y="128329"/>
                    <a:pt x="103128" y="118337"/>
                  </a:cubicBezTo>
                  <a:cubicBezTo>
                    <a:pt x="108078" y="113340"/>
                    <a:pt x="114587" y="110842"/>
                    <a:pt x="121049" y="110842"/>
                  </a:cubicBezTo>
                  <a:close/>
                  <a:moveTo>
                    <a:pt x="325683" y="92919"/>
                  </a:moveTo>
                  <a:cubicBezTo>
                    <a:pt x="336593" y="92919"/>
                    <a:pt x="347550" y="97219"/>
                    <a:pt x="356092" y="105817"/>
                  </a:cubicBezTo>
                  <a:cubicBezTo>
                    <a:pt x="373177" y="122641"/>
                    <a:pt x="373177" y="149558"/>
                    <a:pt x="356092" y="166756"/>
                  </a:cubicBezTo>
                  <a:cubicBezTo>
                    <a:pt x="339007" y="183579"/>
                    <a:pt x="312638" y="183579"/>
                    <a:pt x="295553" y="166756"/>
                  </a:cubicBezTo>
                  <a:cubicBezTo>
                    <a:pt x="278840" y="149558"/>
                    <a:pt x="278468" y="122641"/>
                    <a:pt x="295553" y="105817"/>
                  </a:cubicBezTo>
                  <a:cubicBezTo>
                    <a:pt x="303910" y="97219"/>
                    <a:pt x="314773" y="92919"/>
                    <a:pt x="325683" y="92919"/>
                  </a:cubicBezTo>
                  <a:close/>
                  <a:moveTo>
                    <a:pt x="224003" y="0"/>
                  </a:moveTo>
                  <a:cubicBezTo>
                    <a:pt x="232375" y="-47"/>
                    <a:pt x="240747" y="3144"/>
                    <a:pt x="247187" y="9715"/>
                  </a:cubicBezTo>
                  <a:cubicBezTo>
                    <a:pt x="260067" y="22480"/>
                    <a:pt x="260067" y="44257"/>
                    <a:pt x="247187" y="57022"/>
                  </a:cubicBezTo>
                  <a:cubicBezTo>
                    <a:pt x="234307" y="70163"/>
                    <a:pt x="213699" y="69788"/>
                    <a:pt x="200818" y="57022"/>
                  </a:cubicBezTo>
                  <a:cubicBezTo>
                    <a:pt x="188306" y="43881"/>
                    <a:pt x="188306" y="22856"/>
                    <a:pt x="200818" y="9715"/>
                  </a:cubicBezTo>
                  <a:cubicBezTo>
                    <a:pt x="207259" y="3332"/>
                    <a:pt x="215631" y="47"/>
                    <a:pt x="224003" y="0"/>
                  </a:cubicBezTo>
                  <a:close/>
                </a:path>
              </a:pathLst>
            </a:custGeom>
            <a:solidFill>
              <a:schemeClr val="tx2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rPr>
                <a:t> </a:t>
              </a:r>
            </a:p>
          </p:txBody>
        </p:sp>
        <p:sp>
          <p:nvSpPr>
            <p:cNvPr id="50" name="Freihandform 49"/>
            <p:cNvSpPr>
              <a:spLocks noChangeArrowheads="1"/>
            </p:cNvSpPr>
            <p:nvPr/>
          </p:nvSpPr>
          <p:spPr bwMode="auto">
            <a:xfrm>
              <a:off x="1175199" y="337455"/>
              <a:ext cx="1597949" cy="254396"/>
            </a:xfrm>
            <a:custGeom>
              <a:avLst/>
              <a:gdLst>
                <a:gd name="connsiteX0" fmla="*/ 1157347 w 1597949"/>
                <a:gd name="connsiteY0" fmla="*/ 4931 h 254396"/>
                <a:gd name="connsiteX1" fmla="*/ 1235941 w 1597949"/>
                <a:gd name="connsiteY1" fmla="*/ 4931 h 254396"/>
                <a:gd name="connsiteX2" fmla="*/ 1319354 w 1597949"/>
                <a:gd name="connsiteY2" fmla="*/ 168700 h 254396"/>
                <a:gd name="connsiteX3" fmla="*/ 1319354 w 1597949"/>
                <a:gd name="connsiteY3" fmla="*/ 4931 h 254396"/>
                <a:gd name="connsiteX4" fmla="*/ 1366807 w 1597949"/>
                <a:gd name="connsiteY4" fmla="*/ 4931 h 254396"/>
                <a:gd name="connsiteX5" fmla="*/ 1366807 w 1597949"/>
                <a:gd name="connsiteY5" fmla="*/ 249463 h 254396"/>
                <a:gd name="connsiteX6" fmla="*/ 1291179 w 1597949"/>
                <a:gd name="connsiteY6" fmla="*/ 249463 h 254396"/>
                <a:gd name="connsiteX7" fmla="*/ 1205170 w 1597949"/>
                <a:gd name="connsiteY7" fmla="*/ 83451 h 254396"/>
                <a:gd name="connsiteX8" fmla="*/ 1205170 w 1597949"/>
                <a:gd name="connsiteY8" fmla="*/ 249463 h 254396"/>
                <a:gd name="connsiteX9" fmla="*/ 1157347 w 1597949"/>
                <a:gd name="connsiteY9" fmla="*/ 249463 h 254396"/>
                <a:gd name="connsiteX10" fmla="*/ 936042 w 1597949"/>
                <a:gd name="connsiteY10" fmla="*/ 4931 h 254396"/>
                <a:gd name="connsiteX11" fmla="*/ 1110117 w 1597949"/>
                <a:gd name="connsiteY11" fmla="*/ 4931 h 254396"/>
                <a:gd name="connsiteX12" fmla="*/ 1110117 w 1597949"/>
                <a:gd name="connsiteY12" fmla="*/ 49052 h 254396"/>
                <a:gd name="connsiteX13" fmla="*/ 1001367 w 1597949"/>
                <a:gd name="connsiteY13" fmla="*/ 49052 h 254396"/>
                <a:gd name="connsiteX14" fmla="*/ 1001367 w 1597949"/>
                <a:gd name="connsiteY14" fmla="*/ 104015 h 254396"/>
                <a:gd name="connsiteX15" fmla="*/ 1096013 w 1597949"/>
                <a:gd name="connsiteY15" fmla="*/ 104015 h 254396"/>
                <a:gd name="connsiteX16" fmla="*/ 1096013 w 1597949"/>
                <a:gd name="connsiteY16" fmla="*/ 144771 h 254396"/>
                <a:gd name="connsiteX17" fmla="*/ 1001367 w 1597949"/>
                <a:gd name="connsiteY17" fmla="*/ 144771 h 254396"/>
                <a:gd name="connsiteX18" fmla="*/ 1001367 w 1597949"/>
                <a:gd name="connsiteY18" fmla="*/ 202725 h 254396"/>
                <a:gd name="connsiteX19" fmla="*/ 1112716 w 1597949"/>
                <a:gd name="connsiteY19" fmla="*/ 202725 h 254396"/>
                <a:gd name="connsiteX20" fmla="*/ 1112716 w 1597949"/>
                <a:gd name="connsiteY20" fmla="*/ 249463 h 254396"/>
                <a:gd name="connsiteX21" fmla="*/ 936042 w 1597949"/>
                <a:gd name="connsiteY21" fmla="*/ 249463 h 254396"/>
                <a:gd name="connsiteX22" fmla="*/ 577034 w 1597949"/>
                <a:gd name="connsiteY22" fmla="*/ 4931 h 254396"/>
                <a:gd name="connsiteX23" fmla="*/ 665266 w 1597949"/>
                <a:gd name="connsiteY23" fmla="*/ 4931 h 254396"/>
                <a:gd name="connsiteX24" fmla="*/ 725949 w 1597949"/>
                <a:gd name="connsiteY24" fmla="*/ 160843 h 254396"/>
                <a:gd name="connsiteX25" fmla="*/ 789611 w 1597949"/>
                <a:gd name="connsiteY25" fmla="*/ 4931 h 254396"/>
                <a:gd name="connsiteX26" fmla="*/ 873375 w 1597949"/>
                <a:gd name="connsiteY26" fmla="*/ 4931 h 254396"/>
                <a:gd name="connsiteX27" fmla="*/ 873375 w 1597949"/>
                <a:gd name="connsiteY27" fmla="*/ 248870 h 254396"/>
                <a:gd name="connsiteX28" fmla="*/ 808225 w 1597949"/>
                <a:gd name="connsiteY28" fmla="*/ 248870 h 254396"/>
                <a:gd name="connsiteX29" fmla="*/ 808225 w 1597949"/>
                <a:gd name="connsiteY29" fmla="*/ 75800 h 254396"/>
                <a:gd name="connsiteX30" fmla="*/ 737118 w 1597949"/>
                <a:gd name="connsiteY30" fmla="*/ 251108 h 254396"/>
                <a:gd name="connsiteX31" fmla="*/ 694677 w 1597949"/>
                <a:gd name="connsiteY31" fmla="*/ 251108 h 254396"/>
                <a:gd name="connsiteX32" fmla="*/ 625059 w 1597949"/>
                <a:gd name="connsiteY32" fmla="*/ 75800 h 254396"/>
                <a:gd name="connsiteX33" fmla="*/ 625059 w 1597949"/>
                <a:gd name="connsiteY33" fmla="*/ 248870 h 254396"/>
                <a:gd name="connsiteX34" fmla="*/ 577034 w 1597949"/>
                <a:gd name="connsiteY34" fmla="*/ 248870 h 254396"/>
                <a:gd name="connsiteX35" fmla="*/ 355729 w 1597949"/>
                <a:gd name="connsiteY35" fmla="*/ 4931 h 254396"/>
                <a:gd name="connsiteX36" fmla="*/ 530170 w 1597949"/>
                <a:gd name="connsiteY36" fmla="*/ 4931 h 254396"/>
                <a:gd name="connsiteX37" fmla="*/ 530170 w 1597949"/>
                <a:gd name="connsiteY37" fmla="*/ 49052 h 254396"/>
                <a:gd name="connsiteX38" fmla="*/ 420819 w 1597949"/>
                <a:gd name="connsiteY38" fmla="*/ 49052 h 254396"/>
                <a:gd name="connsiteX39" fmla="*/ 420819 w 1597949"/>
                <a:gd name="connsiteY39" fmla="*/ 104015 h 254396"/>
                <a:gd name="connsiteX40" fmla="*/ 516036 w 1597949"/>
                <a:gd name="connsiteY40" fmla="*/ 104015 h 254396"/>
                <a:gd name="connsiteX41" fmla="*/ 516036 w 1597949"/>
                <a:gd name="connsiteY41" fmla="*/ 144771 h 254396"/>
                <a:gd name="connsiteX42" fmla="*/ 420819 w 1597949"/>
                <a:gd name="connsiteY42" fmla="*/ 144771 h 254396"/>
                <a:gd name="connsiteX43" fmla="*/ 420819 w 1597949"/>
                <a:gd name="connsiteY43" fmla="*/ 202725 h 254396"/>
                <a:gd name="connsiteX44" fmla="*/ 532402 w 1597949"/>
                <a:gd name="connsiteY44" fmla="*/ 202725 h 254396"/>
                <a:gd name="connsiteX45" fmla="*/ 532402 w 1597949"/>
                <a:gd name="connsiteY45" fmla="*/ 249463 h 254396"/>
                <a:gd name="connsiteX46" fmla="*/ 355729 w 1597949"/>
                <a:gd name="connsiteY46" fmla="*/ 249463 h 254396"/>
                <a:gd name="connsiteX47" fmla="*/ 226224 w 1597949"/>
                <a:gd name="connsiteY47" fmla="*/ 4931 h 254396"/>
                <a:gd name="connsiteX48" fmla="*/ 293068 w 1597949"/>
                <a:gd name="connsiteY48" fmla="*/ 4931 h 254396"/>
                <a:gd name="connsiteX49" fmla="*/ 293068 w 1597949"/>
                <a:gd name="connsiteY49" fmla="*/ 249464 h 254396"/>
                <a:gd name="connsiteX50" fmla="*/ 259646 w 1597949"/>
                <a:gd name="connsiteY50" fmla="*/ 249464 h 254396"/>
                <a:gd name="connsiteX51" fmla="*/ 226224 w 1597949"/>
                <a:gd name="connsiteY51" fmla="*/ 249464 h 254396"/>
                <a:gd name="connsiteX52" fmla="*/ 1509330 w 1597949"/>
                <a:gd name="connsiteY52" fmla="*/ 0 h 254396"/>
                <a:gd name="connsiteX53" fmla="*/ 1573106 w 1597949"/>
                <a:gd name="connsiteY53" fmla="*/ 7806 h 254396"/>
                <a:gd name="connsiteX54" fmla="*/ 1579039 w 1597949"/>
                <a:gd name="connsiteY54" fmla="*/ 8921 h 254396"/>
                <a:gd name="connsiteX55" fmla="*/ 1579039 w 1597949"/>
                <a:gd name="connsiteY55" fmla="*/ 55011 h 254396"/>
                <a:gd name="connsiteX56" fmla="*/ 1516004 w 1597949"/>
                <a:gd name="connsiteY56" fmla="*/ 41630 h 254396"/>
                <a:gd name="connsiteX57" fmla="*/ 1475217 w 1597949"/>
                <a:gd name="connsiteY57" fmla="*/ 63932 h 254396"/>
                <a:gd name="connsiteX58" fmla="*/ 1483745 w 1597949"/>
                <a:gd name="connsiteY58" fmla="*/ 78056 h 254396"/>
                <a:gd name="connsiteX59" fmla="*/ 1521195 w 1597949"/>
                <a:gd name="connsiteY59" fmla="*/ 96641 h 254396"/>
                <a:gd name="connsiteX60" fmla="*/ 1580522 w 1597949"/>
                <a:gd name="connsiteY60" fmla="*/ 130837 h 254396"/>
                <a:gd name="connsiteX61" fmla="*/ 1597949 w 1597949"/>
                <a:gd name="connsiteY61" fmla="*/ 175812 h 254396"/>
                <a:gd name="connsiteX62" fmla="*/ 1563466 w 1597949"/>
                <a:gd name="connsiteY62" fmla="*/ 236027 h 254396"/>
                <a:gd name="connsiteX63" fmla="*/ 1491532 w 1597949"/>
                <a:gd name="connsiteY63" fmla="*/ 252753 h 254396"/>
                <a:gd name="connsiteX64" fmla="*/ 1415890 w 1597949"/>
                <a:gd name="connsiteY64" fmla="*/ 243833 h 254396"/>
                <a:gd name="connsiteX65" fmla="*/ 1415890 w 1597949"/>
                <a:gd name="connsiteY65" fmla="*/ 195884 h 254396"/>
                <a:gd name="connsiteX66" fmla="*/ 1488565 w 1597949"/>
                <a:gd name="connsiteY66" fmla="*/ 208893 h 254396"/>
                <a:gd name="connsiteX67" fmla="*/ 1532319 w 1597949"/>
                <a:gd name="connsiteY67" fmla="*/ 186220 h 254396"/>
                <a:gd name="connsiteX68" fmla="*/ 1526386 w 1597949"/>
                <a:gd name="connsiteY68" fmla="*/ 171724 h 254396"/>
                <a:gd name="connsiteX69" fmla="*/ 1493015 w 1597949"/>
                <a:gd name="connsiteY69" fmla="*/ 154254 h 254396"/>
                <a:gd name="connsiteX70" fmla="*/ 1430351 w 1597949"/>
                <a:gd name="connsiteY70" fmla="*/ 120430 h 254396"/>
                <a:gd name="connsiteX71" fmla="*/ 1411440 w 1597949"/>
                <a:gd name="connsiteY71" fmla="*/ 73596 h 254396"/>
                <a:gd name="connsiteX72" fmla="*/ 1438879 w 1597949"/>
                <a:gd name="connsiteY72" fmla="*/ 18957 h 254396"/>
                <a:gd name="connsiteX73" fmla="*/ 1509330 w 1597949"/>
                <a:gd name="connsiteY73" fmla="*/ 0 h 254396"/>
                <a:gd name="connsiteX74" fmla="*/ 97518 w 1597949"/>
                <a:gd name="connsiteY74" fmla="*/ 0 h 254396"/>
                <a:gd name="connsiteX75" fmla="*/ 166857 w 1597949"/>
                <a:gd name="connsiteY75" fmla="*/ 8966 h 254396"/>
                <a:gd name="connsiteX76" fmla="*/ 166857 w 1597949"/>
                <a:gd name="connsiteY76" fmla="*/ 55661 h 254396"/>
                <a:gd name="connsiteX77" fmla="*/ 104564 w 1597949"/>
                <a:gd name="connsiteY77" fmla="*/ 42213 h 254396"/>
                <a:gd name="connsiteX78" fmla="*/ 64147 w 1597949"/>
                <a:gd name="connsiteY78" fmla="*/ 64626 h 254396"/>
                <a:gd name="connsiteX79" fmla="*/ 72675 w 1597949"/>
                <a:gd name="connsiteY79" fmla="*/ 78448 h 254396"/>
                <a:gd name="connsiteX80" fmla="*/ 109755 w 1597949"/>
                <a:gd name="connsiteY80" fmla="*/ 97126 h 254396"/>
                <a:gd name="connsiteX81" fmla="*/ 169082 w 1597949"/>
                <a:gd name="connsiteY81" fmla="*/ 131494 h 254396"/>
                <a:gd name="connsiteX82" fmla="*/ 186509 w 1597949"/>
                <a:gd name="connsiteY82" fmla="*/ 176695 h 254396"/>
                <a:gd name="connsiteX83" fmla="*/ 152025 w 1597949"/>
                <a:gd name="connsiteY83" fmla="*/ 237212 h 254396"/>
                <a:gd name="connsiteX84" fmla="*/ 80462 w 1597949"/>
                <a:gd name="connsiteY84" fmla="*/ 254396 h 254396"/>
                <a:gd name="connsiteX85" fmla="*/ 4820 w 1597949"/>
                <a:gd name="connsiteY85" fmla="*/ 244683 h 254396"/>
                <a:gd name="connsiteX86" fmla="*/ 4820 w 1597949"/>
                <a:gd name="connsiteY86" fmla="*/ 196494 h 254396"/>
                <a:gd name="connsiteX87" fmla="*/ 77496 w 1597949"/>
                <a:gd name="connsiteY87" fmla="*/ 209568 h 254396"/>
                <a:gd name="connsiteX88" fmla="*/ 120878 w 1597949"/>
                <a:gd name="connsiteY88" fmla="*/ 186781 h 254396"/>
                <a:gd name="connsiteX89" fmla="*/ 114204 w 1597949"/>
                <a:gd name="connsiteY89" fmla="*/ 172212 h 254396"/>
                <a:gd name="connsiteX90" fmla="*/ 81574 w 1597949"/>
                <a:gd name="connsiteY90" fmla="*/ 154655 h 254396"/>
                <a:gd name="connsiteX91" fmla="*/ 18910 w 1597949"/>
                <a:gd name="connsiteY91" fmla="*/ 120661 h 254396"/>
                <a:gd name="connsiteX92" fmla="*/ 0 w 1597949"/>
                <a:gd name="connsiteY92" fmla="*/ 73965 h 254396"/>
                <a:gd name="connsiteX93" fmla="*/ 27438 w 1597949"/>
                <a:gd name="connsiteY93" fmla="*/ 19052 h 254396"/>
                <a:gd name="connsiteX94" fmla="*/ 97518 w 1597949"/>
                <a:gd name="connsiteY94" fmla="*/ 0 h 25439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1597949" h="254396">
                  <a:moveTo>
                    <a:pt x="1157347" y="4931"/>
                  </a:moveTo>
                  <a:lnTo>
                    <a:pt x="1235941" y="4931"/>
                  </a:lnTo>
                  <a:lnTo>
                    <a:pt x="1319354" y="168700"/>
                  </a:lnTo>
                  <a:lnTo>
                    <a:pt x="1319354" y="4931"/>
                  </a:lnTo>
                  <a:lnTo>
                    <a:pt x="1366807" y="4931"/>
                  </a:lnTo>
                  <a:lnTo>
                    <a:pt x="1366807" y="249463"/>
                  </a:lnTo>
                  <a:lnTo>
                    <a:pt x="1291179" y="249463"/>
                  </a:lnTo>
                  <a:lnTo>
                    <a:pt x="1205170" y="83451"/>
                  </a:lnTo>
                  <a:lnTo>
                    <a:pt x="1205170" y="249463"/>
                  </a:lnTo>
                  <a:lnTo>
                    <a:pt x="1157347" y="249463"/>
                  </a:lnTo>
                  <a:close/>
                  <a:moveTo>
                    <a:pt x="936042" y="4931"/>
                  </a:moveTo>
                  <a:lnTo>
                    <a:pt x="1110117" y="4931"/>
                  </a:lnTo>
                  <a:lnTo>
                    <a:pt x="1110117" y="49052"/>
                  </a:lnTo>
                  <a:lnTo>
                    <a:pt x="1001367" y="49052"/>
                  </a:lnTo>
                  <a:lnTo>
                    <a:pt x="1001367" y="104015"/>
                  </a:lnTo>
                  <a:lnTo>
                    <a:pt x="1096013" y="104015"/>
                  </a:lnTo>
                  <a:lnTo>
                    <a:pt x="1096013" y="144771"/>
                  </a:lnTo>
                  <a:lnTo>
                    <a:pt x="1001367" y="144771"/>
                  </a:lnTo>
                  <a:lnTo>
                    <a:pt x="1001367" y="202725"/>
                  </a:lnTo>
                  <a:lnTo>
                    <a:pt x="1112716" y="202725"/>
                  </a:lnTo>
                  <a:lnTo>
                    <a:pt x="1112716" y="249463"/>
                  </a:lnTo>
                  <a:lnTo>
                    <a:pt x="936042" y="249463"/>
                  </a:lnTo>
                  <a:close/>
                  <a:moveTo>
                    <a:pt x="577034" y="4931"/>
                  </a:moveTo>
                  <a:lnTo>
                    <a:pt x="665266" y="4931"/>
                  </a:lnTo>
                  <a:lnTo>
                    <a:pt x="725949" y="160843"/>
                  </a:lnTo>
                  <a:lnTo>
                    <a:pt x="789611" y="4931"/>
                  </a:lnTo>
                  <a:lnTo>
                    <a:pt x="873375" y="4931"/>
                  </a:lnTo>
                  <a:lnTo>
                    <a:pt x="873375" y="248870"/>
                  </a:lnTo>
                  <a:lnTo>
                    <a:pt x="808225" y="248870"/>
                  </a:lnTo>
                  <a:lnTo>
                    <a:pt x="808225" y="75800"/>
                  </a:lnTo>
                  <a:lnTo>
                    <a:pt x="737118" y="251108"/>
                  </a:lnTo>
                  <a:lnTo>
                    <a:pt x="694677" y="251108"/>
                  </a:lnTo>
                  <a:lnTo>
                    <a:pt x="625059" y="75800"/>
                  </a:lnTo>
                  <a:lnTo>
                    <a:pt x="625059" y="248870"/>
                  </a:lnTo>
                  <a:lnTo>
                    <a:pt x="577034" y="248870"/>
                  </a:lnTo>
                  <a:close/>
                  <a:moveTo>
                    <a:pt x="355729" y="4931"/>
                  </a:moveTo>
                  <a:lnTo>
                    <a:pt x="530170" y="4931"/>
                  </a:lnTo>
                  <a:lnTo>
                    <a:pt x="530170" y="49052"/>
                  </a:lnTo>
                  <a:lnTo>
                    <a:pt x="420819" y="49052"/>
                  </a:lnTo>
                  <a:lnTo>
                    <a:pt x="420819" y="104015"/>
                  </a:lnTo>
                  <a:lnTo>
                    <a:pt x="516036" y="104015"/>
                  </a:lnTo>
                  <a:lnTo>
                    <a:pt x="516036" y="144771"/>
                  </a:lnTo>
                  <a:lnTo>
                    <a:pt x="420819" y="144771"/>
                  </a:lnTo>
                  <a:lnTo>
                    <a:pt x="420819" y="202725"/>
                  </a:lnTo>
                  <a:lnTo>
                    <a:pt x="532402" y="202725"/>
                  </a:lnTo>
                  <a:lnTo>
                    <a:pt x="532402" y="249463"/>
                  </a:lnTo>
                  <a:lnTo>
                    <a:pt x="355729" y="249463"/>
                  </a:lnTo>
                  <a:close/>
                  <a:moveTo>
                    <a:pt x="226224" y="4931"/>
                  </a:moveTo>
                  <a:lnTo>
                    <a:pt x="293068" y="4931"/>
                  </a:lnTo>
                  <a:lnTo>
                    <a:pt x="293068" y="249464"/>
                  </a:lnTo>
                  <a:lnTo>
                    <a:pt x="259646" y="249464"/>
                  </a:lnTo>
                  <a:lnTo>
                    <a:pt x="226224" y="249464"/>
                  </a:lnTo>
                  <a:close/>
                  <a:moveTo>
                    <a:pt x="1509330" y="0"/>
                  </a:moveTo>
                  <a:cubicBezTo>
                    <a:pt x="1525645" y="0"/>
                    <a:pt x="1546780" y="2230"/>
                    <a:pt x="1573106" y="7806"/>
                  </a:cubicBezTo>
                  <a:lnTo>
                    <a:pt x="1579039" y="8921"/>
                  </a:lnTo>
                  <a:lnTo>
                    <a:pt x="1579039" y="55011"/>
                  </a:lnTo>
                  <a:cubicBezTo>
                    <a:pt x="1556421" y="46090"/>
                    <a:pt x="1535285" y="41630"/>
                    <a:pt x="1516004" y="41630"/>
                  </a:cubicBezTo>
                  <a:cubicBezTo>
                    <a:pt x="1488565" y="41630"/>
                    <a:pt x="1475217" y="49064"/>
                    <a:pt x="1475217" y="63932"/>
                  </a:cubicBezTo>
                  <a:cubicBezTo>
                    <a:pt x="1475217" y="69507"/>
                    <a:pt x="1477812" y="73968"/>
                    <a:pt x="1483745" y="78056"/>
                  </a:cubicBezTo>
                  <a:cubicBezTo>
                    <a:pt x="1488195" y="81030"/>
                    <a:pt x="1500431" y="86977"/>
                    <a:pt x="1521195" y="96641"/>
                  </a:cubicBezTo>
                  <a:cubicBezTo>
                    <a:pt x="1550488" y="109279"/>
                    <a:pt x="1570511" y="120801"/>
                    <a:pt x="1580522" y="130837"/>
                  </a:cubicBezTo>
                  <a:cubicBezTo>
                    <a:pt x="1592017" y="142360"/>
                    <a:pt x="1597949" y="157228"/>
                    <a:pt x="1597949" y="175812"/>
                  </a:cubicBezTo>
                  <a:cubicBezTo>
                    <a:pt x="1597949" y="202203"/>
                    <a:pt x="1586455" y="221903"/>
                    <a:pt x="1563466" y="236027"/>
                  </a:cubicBezTo>
                  <a:cubicBezTo>
                    <a:pt x="1544555" y="247178"/>
                    <a:pt x="1520824" y="252753"/>
                    <a:pt x="1491532" y="252753"/>
                  </a:cubicBezTo>
                  <a:cubicBezTo>
                    <a:pt x="1466689" y="252753"/>
                    <a:pt x="1441475" y="249780"/>
                    <a:pt x="1415890" y="243833"/>
                  </a:cubicBezTo>
                  <a:lnTo>
                    <a:pt x="1415890" y="195884"/>
                  </a:lnTo>
                  <a:cubicBezTo>
                    <a:pt x="1442958" y="204433"/>
                    <a:pt x="1467059" y="208893"/>
                    <a:pt x="1488565" y="208893"/>
                  </a:cubicBezTo>
                  <a:cubicBezTo>
                    <a:pt x="1517487" y="208893"/>
                    <a:pt x="1532319" y="201459"/>
                    <a:pt x="1532319" y="186220"/>
                  </a:cubicBezTo>
                  <a:cubicBezTo>
                    <a:pt x="1532319" y="180273"/>
                    <a:pt x="1530465" y="175812"/>
                    <a:pt x="1526386" y="171724"/>
                  </a:cubicBezTo>
                  <a:cubicBezTo>
                    <a:pt x="1521937" y="167635"/>
                    <a:pt x="1510813" y="161688"/>
                    <a:pt x="1493015" y="154254"/>
                  </a:cubicBezTo>
                  <a:cubicBezTo>
                    <a:pt x="1461127" y="141245"/>
                    <a:pt x="1440362" y="129722"/>
                    <a:pt x="1430351" y="120430"/>
                  </a:cubicBezTo>
                  <a:cubicBezTo>
                    <a:pt x="1418115" y="108535"/>
                    <a:pt x="1411440" y="92552"/>
                    <a:pt x="1411440" y="73596"/>
                  </a:cubicBezTo>
                  <a:cubicBezTo>
                    <a:pt x="1411440" y="49807"/>
                    <a:pt x="1420339" y="31223"/>
                    <a:pt x="1438879" y="18957"/>
                  </a:cubicBezTo>
                  <a:cubicBezTo>
                    <a:pt x="1456677" y="6319"/>
                    <a:pt x="1480779" y="0"/>
                    <a:pt x="1509330" y="0"/>
                  </a:cubicBezTo>
                  <a:close/>
                  <a:moveTo>
                    <a:pt x="97518" y="0"/>
                  </a:moveTo>
                  <a:cubicBezTo>
                    <a:pt x="113463" y="0"/>
                    <a:pt x="136823" y="2989"/>
                    <a:pt x="166857" y="8966"/>
                  </a:cubicBezTo>
                  <a:lnTo>
                    <a:pt x="166857" y="55661"/>
                  </a:lnTo>
                  <a:cubicBezTo>
                    <a:pt x="144609" y="46695"/>
                    <a:pt x="123845" y="42213"/>
                    <a:pt x="104564" y="42213"/>
                  </a:cubicBezTo>
                  <a:cubicBezTo>
                    <a:pt x="77496" y="42213"/>
                    <a:pt x="64147" y="49684"/>
                    <a:pt x="64147" y="64626"/>
                  </a:cubicBezTo>
                  <a:cubicBezTo>
                    <a:pt x="64147" y="70230"/>
                    <a:pt x="67113" y="74712"/>
                    <a:pt x="72675" y="78448"/>
                  </a:cubicBezTo>
                  <a:cubicBezTo>
                    <a:pt x="77125" y="81437"/>
                    <a:pt x="89732" y="87414"/>
                    <a:pt x="109755" y="97126"/>
                  </a:cubicBezTo>
                  <a:cubicBezTo>
                    <a:pt x="139789" y="110201"/>
                    <a:pt x="159441" y="121408"/>
                    <a:pt x="169082" y="131494"/>
                  </a:cubicBezTo>
                  <a:cubicBezTo>
                    <a:pt x="180947" y="142701"/>
                    <a:pt x="186509" y="158017"/>
                    <a:pt x="186509" y="176695"/>
                  </a:cubicBezTo>
                  <a:cubicBezTo>
                    <a:pt x="186509" y="203218"/>
                    <a:pt x="175014" y="223016"/>
                    <a:pt x="152025" y="237212"/>
                  </a:cubicBezTo>
                  <a:cubicBezTo>
                    <a:pt x="133856" y="248792"/>
                    <a:pt x="109384" y="254396"/>
                    <a:pt x="80462" y="254396"/>
                  </a:cubicBezTo>
                  <a:cubicBezTo>
                    <a:pt x="55619" y="253648"/>
                    <a:pt x="30405" y="250660"/>
                    <a:pt x="4820" y="244683"/>
                  </a:cubicBezTo>
                  <a:lnTo>
                    <a:pt x="4820" y="196494"/>
                  </a:lnTo>
                  <a:cubicBezTo>
                    <a:pt x="32259" y="205085"/>
                    <a:pt x="56731" y="209568"/>
                    <a:pt x="77496" y="209568"/>
                  </a:cubicBezTo>
                  <a:cubicBezTo>
                    <a:pt x="106047" y="209568"/>
                    <a:pt x="120878" y="202097"/>
                    <a:pt x="120878" y="186781"/>
                  </a:cubicBezTo>
                  <a:cubicBezTo>
                    <a:pt x="120878" y="180804"/>
                    <a:pt x="119025" y="176321"/>
                    <a:pt x="114204" y="172212"/>
                  </a:cubicBezTo>
                  <a:cubicBezTo>
                    <a:pt x="109755" y="168103"/>
                    <a:pt x="99002" y="162126"/>
                    <a:pt x="81574" y="154655"/>
                  </a:cubicBezTo>
                  <a:cubicBezTo>
                    <a:pt x="49686" y="141580"/>
                    <a:pt x="28922" y="130000"/>
                    <a:pt x="18910" y="120661"/>
                  </a:cubicBezTo>
                  <a:cubicBezTo>
                    <a:pt x="6303" y="107959"/>
                    <a:pt x="0" y="92643"/>
                    <a:pt x="0" y="73965"/>
                  </a:cubicBezTo>
                  <a:cubicBezTo>
                    <a:pt x="0" y="50057"/>
                    <a:pt x="8899" y="31379"/>
                    <a:pt x="27438" y="19052"/>
                  </a:cubicBezTo>
                  <a:cubicBezTo>
                    <a:pt x="45237" y="6351"/>
                    <a:pt x="68967" y="0"/>
                    <a:pt x="97518" y="0"/>
                  </a:cubicBezTo>
                  <a:close/>
                </a:path>
              </a:pathLst>
            </a:custGeom>
            <a:solidFill>
              <a:schemeClr val="accent3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1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"/>
                <a:cs typeface=""/>
              </a:endParaRPr>
            </a:p>
          </p:txBody>
        </p:sp>
        <p:sp>
          <p:nvSpPr>
            <p:cNvPr id="51" name="Freihandform 50"/>
            <p:cNvSpPr>
              <a:spLocks noChangeArrowheads="1"/>
            </p:cNvSpPr>
            <p:nvPr/>
          </p:nvSpPr>
          <p:spPr bwMode="auto">
            <a:xfrm>
              <a:off x="481775" y="682626"/>
              <a:ext cx="2292197" cy="316856"/>
            </a:xfrm>
            <a:custGeom>
              <a:avLst/>
              <a:gdLst>
                <a:gd name="connsiteX0" fmla="*/ 561040 w 2292197"/>
                <a:gd name="connsiteY0" fmla="*/ 133276 h 316856"/>
                <a:gd name="connsiteX1" fmla="*/ 514756 w 2292197"/>
                <a:gd name="connsiteY1" fmla="*/ 208959 h 316856"/>
                <a:gd name="connsiteX2" fmla="*/ 553264 w 2292197"/>
                <a:gd name="connsiteY2" fmla="*/ 272711 h 316856"/>
                <a:gd name="connsiteX3" fmla="*/ 587329 w 2292197"/>
                <a:gd name="connsiteY3" fmla="*/ 241394 h 316856"/>
                <a:gd name="connsiteX4" fmla="*/ 587329 w 2292197"/>
                <a:gd name="connsiteY4" fmla="*/ 137750 h 316856"/>
                <a:gd name="connsiteX5" fmla="*/ 561040 w 2292197"/>
                <a:gd name="connsiteY5" fmla="*/ 133276 h 316856"/>
                <a:gd name="connsiteX6" fmla="*/ 1864005 w 2292197"/>
                <a:gd name="connsiteY6" fmla="*/ 131508 h 316856"/>
                <a:gd name="connsiteX7" fmla="*/ 1819277 w 2292197"/>
                <a:gd name="connsiteY7" fmla="*/ 188681 h 316856"/>
                <a:gd name="connsiteX8" fmla="*/ 1885623 w 2292197"/>
                <a:gd name="connsiteY8" fmla="*/ 152434 h 316856"/>
                <a:gd name="connsiteX9" fmla="*/ 1864005 w 2292197"/>
                <a:gd name="connsiteY9" fmla="*/ 131508 h 316856"/>
                <a:gd name="connsiteX10" fmla="*/ 1660732 w 2292197"/>
                <a:gd name="connsiteY10" fmla="*/ 131508 h 316856"/>
                <a:gd name="connsiteX11" fmla="*/ 1615632 w 2292197"/>
                <a:gd name="connsiteY11" fmla="*/ 188681 h 316856"/>
                <a:gd name="connsiteX12" fmla="*/ 1681977 w 2292197"/>
                <a:gd name="connsiteY12" fmla="*/ 152434 h 316856"/>
                <a:gd name="connsiteX13" fmla="*/ 1660732 w 2292197"/>
                <a:gd name="connsiteY13" fmla="*/ 131508 h 316856"/>
                <a:gd name="connsiteX14" fmla="*/ 351674 w 2292197"/>
                <a:gd name="connsiteY14" fmla="*/ 131508 h 316856"/>
                <a:gd name="connsiteX15" fmla="*/ 306574 w 2292197"/>
                <a:gd name="connsiteY15" fmla="*/ 188681 h 316856"/>
                <a:gd name="connsiteX16" fmla="*/ 372919 w 2292197"/>
                <a:gd name="connsiteY16" fmla="*/ 152434 h 316856"/>
                <a:gd name="connsiteX17" fmla="*/ 351674 w 2292197"/>
                <a:gd name="connsiteY17" fmla="*/ 131508 h 316856"/>
                <a:gd name="connsiteX18" fmla="*/ 1234395 w 2292197"/>
                <a:gd name="connsiteY18" fmla="*/ 96976 h 316856"/>
                <a:gd name="connsiteX19" fmla="*/ 1293037 w 2292197"/>
                <a:gd name="connsiteY19" fmla="*/ 96976 h 316856"/>
                <a:gd name="connsiteX20" fmla="*/ 1293037 w 2292197"/>
                <a:gd name="connsiteY20" fmla="*/ 310280 h 316856"/>
                <a:gd name="connsiteX21" fmla="*/ 1263529 w 2292197"/>
                <a:gd name="connsiteY21" fmla="*/ 310280 h 316856"/>
                <a:gd name="connsiteX22" fmla="*/ 1234395 w 2292197"/>
                <a:gd name="connsiteY22" fmla="*/ 310280 h 316856"/>
                <a:gd name="connsiteX23" fmla="*/ 2081174 w 2292197"/>
                <a:gd name="connsiteY23" fmla="*/ 90402 h 316856"/>
                <a:gd name="connsiteX24" fmla="*/ 2115969 w 2292197"/>
                <a:gd name="connsiteY24" fmla="*/ 97838 h 316856"/>
                <a:gd name="connsiteX25" fmla="*/ 2105604 w 2292197"/>
                <a:gd name="connsiteY25" fmla="*/ 148028 h 316856"/>
                <a:gd name="connsiteX26" fmla="*/ 2075991 w 2292197"/>
                <a:gd name="connsiteY26" fmla="*/ 140593 h 316856"/>
                <a:gd name="connsiteX27" fmla="*/ 2040826 w 2292197"/>
                <a:gd name="connsiteY27" fmla="*/ 176656 h 316856"/>
                <a:gd name="connsiteX28" fmla="*/ 2040826 w 2292197"/>
                <a:gd name="connsiteY28" fmla="*/ 308638 h 316856"/>
                <a:gd name="connsiteX29" fmla="*/ 1982710 w 2292197"/>
                <a:gd name="connsiteY29" fmla="*/ 308638 h 316856"/>
                <a:gd name="connsiteX30" fmla="*/ 1982710 w 2292197"/>
                <a:gd name="connsiteY30" fmla="*/ 133157 h 316856"/>
                <a:gd name="connsiteX31" fmla="*/ 1978638 w 2292197"/>
                <a:gd name="connsiteY31" fmla="*/ 96351 h 316856"/>
                <a:gd name="connsiteX32" fmla="*/ 2025649 w 2292197"/>
                <a:gd name="connsiteY32" fmla="*/ 96351 h 316856"/>
                <a:gd name="connsiteX33" fmla="*/ 2031202 w 2292197"/>
                <a:gd name="connsiteY33" fmla="*/ 126837 h 316856"/>
                <a:gd name="connsiteX34" fmla="*/ 2081174 w 2292197"/>
                <a:gd name="connsiteY34" fmla="*/ 90402 h 316856"/>
                <a:gd name="connsiteX35" fmla="*/ 1866986 w 2292197"/>
                <a:gd name="connsiteY35" fmla="*/ 90402 h 316856"/>
                <a:gd name="connsiteX36" fmla="*/ 1937059 w 2292197"/>
                <a:gd name="connsiteY36" fmla="*/ 152060 h 316856"/>
                <a:gd name="connsiteX37" fmla="*/ 1821141 w 2292197"/>
                <a:gd name="connsiteY37" fmla="*/ 230534 h 316856"/>
                <a:gd name="connsiteX38" fmla="*/ 1869595 w 2292197"/>
                <a:gd name="connsiteY38" fmla="*/ 272013 h 316856"/>
                <a:gd name="connsiteX39" fmla="*/ 1922150 w 2292197"/>
                <a:gd name="connsiteY39" fmla="*/ 254076 h 316856"/>
                <a:gd name="connsiteX40" fmla="*/ 1938923 w 2292197"/>
                <a:gd name="connsiteY40" fmla="*/ 293313 h 316856"/>
                <a:gd name="connsiteX41" fmla="*/ 1862141 w 2292197"/>
                <a:gd name="connsiteY41" fmla="*/ 316855 h 316856"/>
                <a:gd name="connsiteX42" fmla="*/ 1762250 w 2292197"/>
                <a:gd name="connsiteY42" fmla="*/ 208487 h 316856"/>
                <a:gd name="connsiteX43" fmla="*/ 1866986 w 2292197"/>
                <a:gd name="connsiteY43" fmla="*/ 90402 h 316856"/>
                <a:gd name="connsiteX44" fmla="*/ 1663713 w 2292197"/>
                <a:gd name="connsiteY44" fmla="*/ 90402 h 316856"/>
                <a:gd name="connsiteX45" fmla="*/ 1733413 w 2292197"/>
                <a:gd name="connsiteY45" fmla="*/ 152060 h 316856"/>
                <a:gd name="connsiteX46" fmla="*/ 1617868 w 2292197"/>
                <a:gd name="connsiteY46" fmla="*/ 230534 h 316856"/>
                <a:gd name="connsiteX47" fmla="*/ 1666322 w 2292197"/>
                <a:gd name="connsiteY47" fmla="*/ 272013 h 316856"/>
                <a:gd name="connsiteX48" fmla="*/ 1718504 w 2292197"/>
                <a:gd name="connsiteY48" fmla="*/ 254076 h 316856"/>
                <a:gd name="connsiteX49" fmla="*/ 1735650 w 2292197"/>
                <a:gd name="connsiteY49" fmla="*/ 293313 h 316856"/>
                <a:gd name="connsiteX50" fmla="*/ 1658495 w 2292197"/>
                <a:gd name="connsiteY50" fmla="*/ 316855 h 316856"/>
                <a:gd name="connsiteX51" fmla="*/ 1558977 w 2292197"/>
                <a:gd name="connsiteY51" fmla="*/ 208487 h 316856"/>
                <a:gd name="connsiteX52" fmla="*/ 1663713 w 2292197"/>
                <a:gd name="connsiteY52" fmla="*/ 90402 h 316856"/>
                <a:gd name="connsiteX53" fmla="*/ 1457145 w 2292197"/>
                <a:gd name="connsiteY53" fmla="*/ 90402 h 316856"/>
                <a:gd name="connsiteX54" fmla="*/ 1524180 w 2292197"/>
                <a:gd name="connsiteY54" fmla="*/ 164015 h 316856"/>
                <a:gd name="connsiteX55" fmla="*/ 1524180 w 2292197"/>
                <a:gd name="connsiteY55" fmla="*/ 308638 h 316856"/>
                <a:gd name="connsiteX56" fmla="*/ 1465710 w 2292197"/>
                <a:gd name="connsiteY56" fmla="*/ 308638 h 316856"/>
                <a:gd name="connsiteX57" fmla="*/ 1465710 w 2292197"/>
                <a:gd name="connsiteY57" fmla="*/ 174797 h 316856"/>
                <a:gd name="connsiteX58" fmla="*/ 1439641 w 2292197"/>
                <a:gd name="connsiteY58" fmla="*/ 134644 h 316856"/>
                <a:gd name="connsiteX59" fmla="*/ 1403516 w 2292197"/>
                <a:gd name="connsiteY59" fmla="*/ 172566 h 316856"/>
                <a:gd name="connsiteX60" fmla="*/ 1403516 w 2292197"/>
                <a:gd name="connsiteY60" fmla="*/ 308638 h 316856"/>
                <a:gd name="connsiteX61" fmla="*/ 1345047 w 2292197"/>
                <a:gd name="connsiteY61" fmla="*/ 308638 h 316856"/>
                <a:gd name="connsiteX62" fmla="*/ 1345047 w 2292197"/>
                <a:gd name="connsiteY62" fmla="*/ 135760 h 316856"/>
                <a:gd name="connsiteX63" fmla="*/ 1340950 w 2292197"/>
                <a:gd name="connsiteY63" fmla="*/ 96351 h 316856"/>
                <a:gd name="connsiteX64" fmla="*/ 1389737 w 2292197"/>
                <a:gd name="connsiteY64" fmla="*/ 96351 h 316856"/>
                <a:gd name="connsiteX65" fmla="*/ 1393834 w 2292197"/>
                <a:gd name="connsiteY65" fmla="*/ 121632 h 316856"/>
                <a:gd name="connsiteX66" fmla="*/ 1457145 w 2292197"/>
                <a:gd name="connsiteY66" fmla="*/ 90402 h 316856"/>
                <a:gd name="connsiteX67" fmla="*/ 568075 w 2292197"/>
                <a:gd name="connsiteY67" fmla="*/ 90402 h 316856"/>
                <a:gd name="connsiteX68" fmla="*/ 644721 w 2292197"/>
                <a:gd name="connsiteY68" fmla="*/ 105688 h 316856"/>
                <a:gd name="connsiteX69" fmla="*/ 644721 w 2292197"/>
                <a:gd name="connsiteY69" fmla="*/ 266746 h 316856"/>
                <a:gd name="connsiteX70" fmla="*/ 648794 w 2292197"/>
                <a:gd name="connsiteY70" fmla="*/ 309247 h 316856"/>
                <a:gd name="connsiteX71" fmla="*/ 599178 w 2292197"/>
                <a:gd name="connsiteY71" fmla="*/ 309247 h 316856"/>
                <a:gd name="connsiteX72" fmla="*/ 596215 w 2292197"/>
                <a:gd name="connsiteY72" fmla="*/ 287624 h 316856"/>
                <a:gd name="connsiteX73" fmla="*/ 594364 w 2292197"/>
                <a:gd name="connsiteY73" fmla="*/ 287251 h 316856"/>
                <a:gd name="connsiteX74" fmla="*/ 538083 w 2292197"/>
                <a:gd name="connsiteY74" fmla="*/ 315212 h 316856"/>
                <a:gd name="connsiteX75" fmla="*/ 457365 w 2292197"/>
                <a:gd name="connsiteY75" fmla="*/ 212314 h 316856"/>
                <a:gd name="connsiteX76" fmla="*/ 568075 w 2292197"/>
                <a:gd name="connsiteY76" fmla="*/ 90402 h 316856"/>
                <a:gd name="connsiteX77" fmla="*/ 353910 w 2292197"/>
                <a:gd name="connsiteY77" fmla="*/ 90402 h 316856"/>
                <a:gd name="connsiteX78" fmla="*/ 423983 w 2292197"/>
                <a:gd name="connsiteY78" fmla="*/ 152060 h 316856"/>
                <a:gd name="connsiteX79" fmla="*/ 308065 w 2292197"/>
                <a:gd name="connsiteY79" fmla="*/ 230534 h 316856"/>
                <a:gd name="connsiteX80" fmla="*/ 356519 w 2292197"/>
                <a:gd name="connsiteY80" fmla="*/ 272013 h 316856"/>
                <a:gd name="connsiteX81" fmla="*/ 409073 w 2292197"/>
                <a:gd name="connsiteY81" fmla="*/ 254076 h 316856"/>
                <a:gd name="connsiteX82" fmla="*/ 425846 w 2292197"/>
                <a:gd name="connsiteY82" fmla="*/ 293313 h 316856"/>
                <a:gd name="connsiteX83" fmla="*/ 349065 w 2292197"/>
                <a:gd name="connsiteY83" fmla="*/ 316855 h 316856"/>
                <a:gd name="connsiteX84" fmla="*/ 249174 w 2292197"/>
                <a:gd name="connsiteY84" fmla="*/ 208487 h 316856"/>
                <a:gd name="connsiteX85" fmla="*/ 353910 w 2292197"/>
                <a:gd name="connsiteY85" fmla="*/ 90402 h 316856"/>
                <a:gd name="connsiteX86" fmla="*/ 2208041 w 2292197"/>
                <a:gd name="connsiteY86" fmla="*/ 90249 h 316856"/>
                <a:gd name="connsiteX87" fmla="*/ 2277182 w 2292197"/>
                <a:gd name="connsiteY87" fmla="*/ 108139 h 316856"/>
                <a:gd name="connsiteX88" fmla="*/ 2277182 w 2292197"/>
                <a:gd name="connsiteY88" fmla="*/ 108512 h 316856"/>
                <a:gd name="connsiteX89" fmla="*/ 2259711 w 2292197"/>
                <a:gd name="connsiteY89" fmla="*/ 148764 h 316856"/>
                <a:gd name="connsiteX90" fmla="*/ 2213245 w 2292197"/>
                <a:gd name="connsiteY90" fmla="*/ 131620 h 316856"/>
                <a:gd name="connsiteX91" fmla="*/ 2189455 w 2292197"/>
                <a:gd name="connsiteY91" fmla="*/ 152119 h 316856"/>
                <a:gd name="connsiteX92" fmla="*/ 2224025 w 2292197"/>
                <a:gd name="connsiteY92" fmla="*/ 177836 h 316856"/>
                <a:gd name="connsiteX93" fmla="*/ 2292050 w 2292197"/>
                <a:gd name="connsiteY93" fmla="*/ 238960 h 316856"/>
                <a:gd name="connsiteX94" fmla="*/ 2214360 w 2292197"/>
                <a:gd name="connsiteY94" fmla="*/ 314993 h 316856"/>
                <a:gd name="connsiteX95" fmla="*/ 2133325 w 2292197"/>
                <a:gd name="connsiteY95" fmla="*/ 297103 h 316856"/>
                <a:gd name="connsiteX96" fmla="*/ 2150796 w 2292197"/>
                <a:gd name="connsiteY96" fmla="*/ 257223 h 316856"/>
                <a:gd name="connsiteX97" fmla="*/ 2208784 w 2292197"/>
                <a:gd name="connsiteY97" fmla="*/ 272504 h 316856"/>
                <a:gd name="connsiteX98" fmla="*/ 2234433 w 2292197"/>
                <a:gd name="connsiteY98" fmla="*/ 249023 h 316856"/>
                <a:gd name="connsiteX99" fmla="*/ 2199863 w 2292197"/>
                <a:gd name="connsiteY99" fmla="*/ 224424 h 316856"/>
                <a:gd name="connsiteX100" fmla="*/ 2133325 w 2292197"/>
                <a:gd name="connsiteY100" fmla="*/ 162555 h 316856"/>
                <a:gd name="connsiteX101" fmla="*/ 2208041 w 2292197"/>
                <a:gd name="connsiteY101" fmla="*/ 90249 h 316856"/>
                <a:gd name="connsiteX102" fmla="*/ 1004892 w 2292197"/>
                <a:gd name="connsiteY102" fmla="*/ 31230 h 316856"/>
                <a:gd name="connsiteX103" fmla="*/ 1063095 w 2292197"/>
                <a:gd name="connsiteY103" fmla="*/ 31230 h 316856"/>
                <a:gd name="connsiteX104" fmla="*/ 1063095 w 2292197"/>
                <a:gd name="connsiteY104" fmla="*/ 112822 h 316856"/>
                <a:gd name="connsiteX105" fmla="*/ 1115736 w 2292197"/>
                <a:gd name="connsiteY105" fmla="*/ 90841 h 316856"/>
                <a:gd name="connsiteX106" fmla="*/ 1183207 w 2292197"/>
                <a:gd name="connsiteY106" fmla="*/ 165727 h 316856"/>
                <a:gd name="connsiteX107" fmla="*/ 1183207 w 2292197"/>
                <a:gd name="connsiteY107" fmla="*/ 310283 h 316856"/>
                <a:gd name="connsiteX108" fmla="*/ 1125004 w 2292197"/>
                <a:gd name="connsiteY108" fmla="*/ 310283 h 316856"/>
                <a:gd name="connsiteX109" fmla="*/ 1125004 w 2292197"/>
                <a:gd name="connsiteY109" fmla="*/ 174668 h 316856"/>
                <a:gd name="connsiteX110" fmla="*/ 1098313 w 2292197"/>
                <a:gd name="connsiteY110" fmla="*/ 136294 h 316856"/>
                <a:gd name="connsiteX111" fmla="*/ 1062353 w 2292197"/>
                <a:gd name="connsiteY111" fmla="*/ 173178 h 316856"/>
                <a:gd name="connsiteX112" fmla="*/ 1062353 w 2292197"/>
                <a:gd name="connsiteY112" fmla="*/ 310283 h 316856"/>
                <a:gd name="connsiteX113" fmla="*/ 1004892 w 2292197"/>
                <a:gd name="connsiteY113" fmla="*/ 310283 h 316856"/>
                <a:gd name="connsiteX114" fmla="*/ 842391 w 2292197"/>
                <a:gd name="connsiteY114" fmla="*/ 31230 h 316856"/>
                <a:gd name="connsiteX115" fmla="*/ 900136 w 2292197"/>
                <a:gd name="connsiteY115" fmla="*/ 31230 h 316856"/>
                <a:gd name="connsiteX116" fmla="*/ 900136 w 2292197"/>
                <a:gd name="connsiteY116" fmla="*/ 97603 h 316856"/>
                <a:gd name="connsiteX117" fmla="*/ 954920 w 2292197"/>
                <a:gd name="connsiteY117" fmla="*/ 97603 h 316856"/>
                <a:gd name="connsiteX118" fmla="*/ 954920 w 2292197"/>
                <a:gd name="connsiteY118" fmla="*/ 143467 h 316856"/>
                <a:gd name="connsiteX119" fmla="*/ 900877 w 2292197"/>
                <a:gd name="connsiteY119" fmla="*/ 143467 h 316856"/>
                <a:gd name="connsiteX120" fmla="*/ 900877 w 2292197"/>
                <a:gd name="connsiteY120" fmla="*/ 238551 h 316856"/>
                <a:gd name="connsiteX121" fmla="*/ 921236 w 2292197"/>
                <a:gd name="connsiteY121" fmla="*/ 270992 h 316856"/>
                <a:gd name="connsiteX122" fmla="*/ 946407 w 2292197"/>
                <a:gd name="connsiteY122" fmla="*/ 264653 h 316856"/>
                <a:gd name="connsiteX123" fmla="*/ 958622 w 2292197"/>
                <a:gd name="connsiteY123" fmla="*/ 303433 h 316856"/>
                <a:gd name="connsiteX124" fmla="*/ 905689 w 2292197"/>
                <a:gd name="connsiteY124" fmla="*/ 316856 h 316856"/>
                <a:gd name="connsiteX125" fmla="*/ 842391 w 2292197"/>
                <a:gd name="connsiteY125" fmla="*/ 247128 h 316856"/>
                <a:gd name="connsiteX126" fmla="*/ 842391 w 2292197"/>
                <a:gd name="connsiteY126" fmla="*/ 143467 h 316856"/>
                <a:gd name="connsiteX127" fmla="*/ 809816 w 2292197"/>
                <a:gd name="connsiteY127" fmla="*/ 143467 h 316856"/>
                <a:gd name="connsiteX128" fmla="*/ 809816 w 2292197"/>
                <a:gd name="connsiteY128" fmla="*/ 97603 h 316856"/>
                <a:gd name="connsiteX129" fmla="*/ 842391 w 2292197"/>
                <a:gd name="connsiteY129" fmla="*/ 97603 h 316856"/>
                <a:gd name="connsiteX130" fmla="*/ 698343 w 2292197"/>
                <a:gd name="connsiteY130" fmla="*/ 31230 h 316856"/>
                <a:gd name="connsiteX131" fmla="*/ 756722 w 2292197"/>
                <a:gd name="connsiteY131" fmla="*/ 31230 h 316856"/>
                <a:gd name="connsiteX132" fmla="*/ 756722 w 2292197"/>
                <a:gd name="connsiteY132" fmla="*/ 238449 h 316856"/>
                <a:gd name="connsiteX133" fmla="*/ 777045 w 2292197"/>
                <a:gd name="connsiteY133" fmla="*/ 270932 h 316856"/>
                <a:gd name="connsiteX134" fmla="*/ 802170 w 2292197"/>
                <a:gd name="connsiteY134" fmla="*/ 264584 h 316856"/>
                <a:gd name="connsiteX135" fmla="*/ 814364 w 2292197"/>
                <a:gd name="connsiteY135" fmla="*/ 303415 h 316856"/>
                <a:gd name="connsiteX136" fmla="*/ 761895 w 2292197"/>
                <a:gd name="connsiteY136" fmla="*/ 316856 h 316856"/>
                <a:gd name="connsiteX137" fmla="*/ 698343 w 2292197"/>
                <a:gd name="connsiteY137" fmla="*/ 247036 h 316856"/>
                <a:gd name="connsiteX138" fmla="*/ 0 w 2292197"/>
                <a:gd name="connsiteY138" fmla="*/ 31230 h 316856"/>
                <a:gd name="connsiteX139" fmla="*/ 59654 w 2292197"/>
                <a:gd name="connsiteY139" fmla="*/ 31230 h 316856"/>
                <a:gd name="connsiteX140" fmla="*/ 59654 w 2292197"/>
                <a:gd name="connsiteY140" fmla="*/ 142255 h 316856"/>
                <a:gd name="connsiteX141" fmla="*/ 145779 w 2292197"/>
                <a:gd name="connsiteY141" fmla="*/ 142255 h 316856"/>
                <a:gd name="connsiteX142" fmla="*/ 145779 w 2292197"/>
                <a:gd name="connsiteY142" fmla="*/ 31230 h 316856"/>
                <a:gd name="connsiteX143" fmla="*/ 206179 w 2292197"/>
                <a:gd name="connsiteY143" fmla="*/ 31230 h 316856"/>
                <a:gd name="connsiteX144" fmla="*/ 206179 w 2292197"/>
                <a:gd name="connsiteY144" fmla="*/ 310283 h 316856"/>
                <a:gd name="connsiteX145" fmla="*/ 145779 w 2292197"/>
                <a:gd name="connsiteY145" fmla="*/ 310283 h 316856"/>
                <a:gd name="connsiteX146" fmla="*/ 145779 w 2292197"/>
                <a:gd name="connsiteY146" fmla="*/ 194787 h 316856"/>
                <a:gd name="connsiteX147" fmla="*/ 59654 w 2292197"/>
                <a:gd name="connsiteY147" fmla="*/ 194787 h 316856"/>
                <a:gd name="connsiteX148" fmla="*/ 59654 w 2292197"/>
                <a:gd name="connsiteY148" fmla="*/ 310283 h 316856"/>
                <a:gd name="connsiteX149" fmla="*/ 0 w 2292197"/>
                <a:gd name="connsiteY149" fmla="*/ 310283 h 316856"/>
                <a:gd name="connsiteX150" fmla="*/ 1262898 w 2292197"/>
                <a:gd name="connsiteY150" fmla="*/ 0 h 316856"/>
                <a:gd name="connsiteX151" fmla="*/ 1294680 w 2292197"/>
                <a:gd name="connsiteY151" fmla="*/ 30408 h 316856"/>
                <a:gd name="connsiteX152" fmla="*/ 1262898 w 2292197"/>
                <a:gd name="connsiteY152" fmla="*/ 60442 h 316856"/>
                <a:gd name="connsiteX153" fmla="*/ 1231116 w 2292197"/>
                <a:gd name="connsiteY153" fmla="*/ 30408 h 316856"/>
                <a:gd name="connsiteX154" fmla="*/ 1262898 w 2292197"/>
                <a:gd name="connsiteY154" fmla="*/ 0 h 31685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2292197" h="316856">
                  <a:moveTo>
                    <a:pt x="561040" y="133276"/>
                  </a:moveTo>
                  <a:cubicBezTo>
                    <a:pt x="526975" y="133276"/>
                    <a:pt x="514756" y="167576"/>
                    <a:pt x="514756" y="208959"/>
                  </a:cubicBezTo>
                  <a:cubicBezTo>
                    <a:pt x="514756" y="242885"/>
                    <a:pt x="522532" y="272711"/>
                    <a:pt x="553264" y="272711"/>
                  </a:cubicBezTo>
                  <a:cubicBezTo>
                    <a:pt x="575110" y="272711"/>
                    <a:pt x="587329" y="256680"/>
                    <a:pt x="587329" y="241394"/>
                  </a:cubicBezTo>
                  <a:lnTo>
                    <a:pt x="587329" y="137750"/>
                  </a:lnTo>
                  <a:cubicBezTo>
                    <a:pt x="581775" y="135140"/>
                    <a:pt x="572148" y="133276"/>
                    <a:pt x="561040" y="133276"/>
                  </a:cubicBezTo>
                  <a:close/>
                  <a:moveTo>
                    <a:pt x="1864005" y="131508"/>
                  </a:moveTo>
                  <a:cubicBezTo>
                    <a:pt x="1835677" y="131508"/>
                    <a:pt x="1820768" y="159908"/>
                    <a:pt x="1819277" y="188681"/>
                  </a:cubicBezTo>
                  <a:cubicBezTo>
                    <a:pt x="1846486" y="187934"/>
                    <a:pt x="1885623" y="181208"/>
                    <a:pt x="1885623" y="152434"/>
                  </a:cubicBezTo>
                  <a:cubicBezTo>
                    <a:pt x="1885623" y="139355"/>
                    <a:pt x="1877795" y="131508"/>
                    <a:pt x="1864005" y="131508"/>
                  </a:cubicBezTo>
                  <a:close/>
                  <a:moveTo>
                    <a:pt x="1660732" y="131508"/>
                  </a:moveTo>
                  <a:cubicBezTo>
                    <a:pt x="1632032" y="131508"/>
                    <a:pt x="1617123" y="159908"/>
                    <a:pt x="1615632" y="188681"/>
                  </a:cubicBezTo>
                  <a:cubicBezTo>
                    <a:pt x="1643213" y="187934"/>
                    <a:pt x="1681977" y="181208"/>
                    <a:pt x="1681977" y="152434"/>
                  </a:cubicBezTo>
                  <a:cubicBezTo>
                    <a:pt x="1681977" y="139355"/>
                    <a:pt x="1673777" y="131508"/>
                    <a:pt x="1660732" y="131508"/>
                  </a:cubicBezTo>
                  <a:close/>
                  <a:moveTo>
                    <a:pt x="351674" y="131508"/>
                  </a:moveTo>
                  <a:cubicBezTo>
                    <a:pt x="322974" y="131508"/>
                    <a:pt x="308065" y="159908"/>
                    <a:pt x="306574" y="188681"/>
                  </a:cubicBezTo>
                  <a:cubicBezTo>
                    <a:pt x="334155" y="187934"/>
                    <a:pt x="372919" y="181208"/>
                    <a:pt x="372919" y="152434"/>
                  </a:cubicBezTo>
                  <a:cubicBezTo>
                    <a:pt x="372919" y="139355"/>
                    <a:pt x="364719" y="131508"/>
                    <a:pt x="351674" y="131508"/>
                  </a:cubicBezTo>
                  <a:close/>
                  <a:moveTo>
                    <a:pt x="1234395" y="96976"/>
                  </a:moveTo>
                  <a:lnTo>
                    <a:pt x="1293037" y="96976"/>
                  </a:lnTo>
                  <a:lnTo>
                    <a:pt x="1293037" y="310280"/>
                  </a:lnTo>
                  <a:lnTo>
                    <a:pt x="1263529" y="310280"/>
                  </a:lnTo>
                  <a:lnTo>
                    <a:pt x="1234395" y="310280"/>
                  </a:lnTo>
                  <a:close/>
                  <a:moveTo>
                    <a:pt x="2081174" y="90402"/>
                  </a:moveTo>
                  <a:cubicBezTo>
                    <a:pt x="2093389" y="90402"/>
                    <a:pt x="2105975" y="92261"/>
                    <a:pt x="2115969" y="97838"/>
                  </a:cubicBezTo>
                  <a:lnTo>
                    <a:pt x="2105604" y="148028"/>
                  </a:lnTo>
                  <a:cubicBezTo>
                    <a:pt x="2096721" y="143567"/>
                    <a:pt x="2086726" y="140593"/>
                    <a:pt x="2075991" y="140593"/>
                  </a:cubicBezTo>
                  <a:cubicBezTo>
                    <a:pt x="2054892" y="140593"/>
                    <a:pt x="2041566" y="154720"/>
                    <a:pt x="2040826" y="176656"/>
                  </a:cubicBezTo>
                  <a:lnTo>
                    <a:pt x="2040826" y="308638"/>
                  </a:lnTo>
                  <a:lnTo>
                    <a:pt x="1982710" y="308638"/>
                  </a:lnTo>
                  <a:lnTo>
                    <a:pt x="1982710" y="133157"/>
                  </a:lnTo>
                  <a:lnTo>
                    <a:pt x="1978638" y="96351"/>
                  </a:lnTo>
                  <a:lnTo>
                    <a:pt x="2025649" y="96351"/>
                  </a:lnTo>
                  <a:lnTo>
                    <a:pt x="2031202" y="126837"/>
                  </a:lnTo>
                  <a:cubicBezTo>
                    <a:pt x="2041196" y="102299"/>
                    <a:pt x="2061555" y="90402"/>
                    <a:pt x="2081174" y="90402"/>
                  </a:cubicBezTo>
                  <a:close/>
                  <a:moveTo>
                    <a:pt x="1866986" y="90402"/>
                  </a:moveTo>
                  <a:cubicBezTo>
                    <a:pt x="1909477" y="90402"/>
                    <a:pt x="1937059" y="111702"/>
                    <a:pt x="1937059" y="152060"/>
                  </a:cubicBezTo>
                  <a:cubicBezTo>
                    <a:pt x="1937059" y="215213"/>
                    <a:pt x="1872577" y="227545"/>
                    <a:pt x="1821141" y="230534"/>
                  </a:cubicBezTo>
                  <a:cubicBezTo>
                    <a:pt x="1824123" y="250713"/>
                    <a:pt x="1837541" y="272013"/>
                    <a:pt x="1869595" y="272013"/>
                  </a:cubicBezTo>
                  <a:cubicBezTo>
                    <a:pt x="1891959" y="272013"/>
                    <a:pt x="1910223" y="262297"/>
                    <a:pt x="1922150" y="254076"/>
                  </a:cubicBezTo>
                  <a:lnTo>
                    <a:pt x="1938923" y="293313"/>
                  </a:lnTo>
                  <a:cubicBezTo>
                    <a:pt x="1934077" y="297050"/>
                    <a:pt x="1904632" y="316855"/>
                    <a:pt x="1862141" y="316855"/>
                  </a:cubicBezTo>
                  <a:cubicBezTo>
                    <a:pt x="1790577" y="316855"/>
                    <a:pt x="1762250" y="271640"/>
                    <a:pt x="1762250" y="208487"/>
                  </a:cubicBezTo>
                  <a:cubicBezTo>
                    <a:pt x="1762250" y="146829"/>
                    <a:pt x="1798405" y="90402"/>
                    <a:pt x="1866986" y="90402"/>
                  </a:cubicBezTo>
                  <a:close/>
                  <a:moveTo>
                    <a:pt x="1663713" y="90402"/>
                  </a:moveTo>
                  <a:cubicBezTo>
                    <a:pt x="1706204" y="90402"/>
                    <a:pt x="1733413" y="111702"/>
                    <a:pt x="1733413" y="152060"/>
                  </a:cubicBezTo>
                  <a:cubicBezTo>
                    <a:pt x="1733413" y="215213"/>
                    <a:pt x="1669304" y="227545"/>
                    <a:pt x="1617868" y="230534"/>
                  </a:cubicBezTo>
                  <a:cubicBezTo>
                    <a:pt x="1620850" y="250713"/>
                    <a:pt x="1634268" y="272013"/>
                    <a:pt x="1666322" y="272013"/>
                  </a:cubicBezTo>
                  <a:cubicBezTo>
                    <a:pt x="1688686" y="272013"/>
                    <a:pt x="1706577" y="262297"/>
                    <a:pt x="1718504" y="254076"/>
                  </a:cubicBezTo>
                  <a:lnTo>
                    <a:pt x="1735650" y="293313"/>
                  </a:lnTo>
                  <a:cubicBezTo>
                    <a:pt x="1730431" y="297050"/>
                    <a:pt x="1700986" y="316855"/>
                    <a:pt x="1658495" y="316855"/>
                  </a:cubicBezTo>
                  <a:cubicBezTo>
                    <a:pt x="1587304" y="316855"/>
                    <a:pt x="1558977" y="271640"/>
                    <a:pt x="1558977" y="208487"/>
                  </a:cubicBezTo>
                  <a:cubicBezTo>
                    <a:pt x="1558977" y="146829"/>
                    <a:pt x="1594759" y="90402"/>
                    <a:pt x="1663713" y="90402"/>
                  </a:cubicBezTo>
                  <a:close/>
                  <a:moveTo>
                    <a:pt x="1457145" y="90402"/>
                  </a:moveTo>
                  <a:cubicBezTo>
                    <a:pt x="1498483" y="90402"/>
                    <a:pt x="1524180" y="113824"/>
                    <a:pt x="1524180" y="164015"/>
                  </a:cubicBezTo>
                  <a:lnTo>
                    <a:pt x="1524180" y="308638"/>
                  </a:lnTo>
                  <a:lnTo>
                    <a:pt x="1465710" y="308638"/>
                  </a:lnTo>
                  <a:lnTo>
                    <a:pt x="1465710" y="174797"/>
                  </a:lnTo>
                  <a:cubicBezTo>
                    <a:pt x="1465710" y="152118"/>
                    <a:pt x="1462358" y="134644"/>
                    <a:pt x="1439641" y="134644"/>
                  </a:cubicBezTo>
                  <a:cubicBezTo>
                    <a:pt x="1417668" y="134644"/>
                    <a:pt x="1403516" y="152490"/>
                    <a:pt x="1403516" y="172566"/>
                  </a:cubicBezTo>
                  <a:lnTo>
                    <a:pt x="1403516" y="308638"/>
                  </a:lnTo>
                  <a:lnTo>
                    <a:pt x="1345047" y="308638"/>
                  </a:lnTo>
                  <a:lnTo>
                    <a:pt x="1345047" y="135760"/>
                  </a:lnTo>
                  <a:lnTo>
                    <a:pt x="1340950" y="96351"/>
                  </a:lnTo>
                  <a:lnTo>
                    <a:pt x="1389737" y="96351"/>
                  </a:lnTo>
                  <a:lnTo>
                    <a:pt x="1393834" y="121632"/>
                  </a:lnTo>
                  <a:cubicBezTo>
                    <a:pt x="1407985" y="102299"/>
                    <a:pt x="1429213" y="90402"/>
                    <a:pt x="1457145" y="90402"/>
                  </a:cubicBezTo>
                  <a:close/>
                  <a:moveTo>
                    <a:pt x="568075" y="90402"/>
                  </a:moveTo>
                  <a:cubicBezTo>
                    <a:pt x="582516" y="90402"/>
                    <a:pt x="613248" y="93758"/>
                    <a:pt x="644721" y="105688"/>
                  </a:cubicBezTo>
                  <a:lnTo>
                    <a:pt x="644721" y="266746"/>
                  </a:lnTo>
                  <a:lnTo>
                    <a:pt x="648794" y="309247"/>
                  </a:lnTo>
                  <a:lnTo>
                    <a:pt x="599178" y="309247"/>
                  </a:lnTo>
                  <a:lnTo>
                    <a:pt x="596215" y="287624"/>
                  </a:lnTo>
                  <a:lnTo>
                    <a:pt x="594364" y="287251"/>
                  </a:lnTo>
                  <a:cubicBezTo>
                    <a:pt x="581775" y="306637"/>
                    <a:pt x="560670" y="315212"/>
                    <a:pt x="538083" y="315212"/>
                  </a:cubicBezTo>
                  <a:cubicBezTo>
                    <a:pt x="477730" y="315212"/>
                    <a:pt x="457365" y="269356"/>
                    <a:pt x="457365" y="212314"/>
                  </a:cubicBezTo>
                  <a:cubicBezTo>
                    <a:pt x="457365" y="138869"/>
                    <a:pt x="494021" y="90402"/>
                    <a:pt x="568075" y="90402"/>
                  </a:cubicBezTo>
                  <a:close/>
                  <a:moveTo>
                    <a:pt x="353910" y="90402"/>
                  </a:moveTo>
                  <a:cubicBezTo>
                    <a:pt x="396401" y="90402"/>
                    <a:pt x="423983" y="111702"/>
                    <a:pt x="423983" y="152060"/>
                  </a:cubicBezTo>
                  <a:cubicBezTo>
                    <a:pt x="423983" y="215213"/>
                    <a:pt x="360246" y="227545"/>
                    <a:pt x="308065" y="230534"/>
                  </a:cubicBezTo>
                  <a:cubicBezTo>
                    <a:pt x="311046" y="250713"/>
                    <a:pt x="324465" y="272013"/>
                    <a:pt x="356519" y="272013"/>
                  </a:cubicBezTo>
                  <a:cubicBezTo>
                    <a:pt x="378883" y="272013"/>
                    <a:pt x="397146" y="262297"/>
                    <a:pt x="409073" y="254076"/>
                  </a:cubicBezTo>
                  <a:lnTo>
                    <a:pt x="425846" y="293313"/>
                  </a:lnTo>
                  <a:cubicBezTo>
                    <a:pt x="421001" y="297050"/>
                    <a:pt x="391555" y="316855"/>
                    <a:pt x="349065" y="316855"/>
                  </a:cubicBezTo>
                  <a:cubicBezTo>
                    <a:pt x="277501" y="316855"/>
                    <a:pt x="249174" y="271640"/>
                    <a:pt x="249174" y="208487"/>
                  </a:cubicBezTo>
                  <a:cubicBezTo>
                    <a:pt x="249174" y="146829"/>
                    <a:pt x="285328" y="90402"/>
                    <a:pt x="353910" y="90402"/>
                  </a:cubicBezTo>
                  <a:close/>
                  <a:moveTo>
                    <a:pt x="2208041" y="90249"/>
                  </a:moveTo>
                  <a:cubicBezTo>
                    <a:pt x="2234433" y="88758"/>
                    <a:pt x="2258595" y="96212"/>
                    <a:pt x="2277182" y="108139"/>
                  </a:cubicBezTo>
                  <a:lnTo>
                    <a:pt x="2277182" y="108512"/>
                  </a:lnTo>
                  <a:lnTo>
                    <a:pt x="2259711" y="148764"/>
                  </a:lnTo>
                  <a:cubicBezTo>
                    <a:pt x="2243355" y="137210"/>
                    <a:pt x="2227742" y="131247"/>
                    <a:pt x="2213245" y="131620"/>
                  </a:cubicBezTo>
                  <a:cubicBezTo>
                    <a:pt x="2199863" y="131992"/>
                    <a:pt x="2189083" y="137956"/>
                    <a:pt x="2189455" y="152119"/>
                  </a:cubicBezTo>
                  <a:cubicBezTo>
                    <a:pt x="2190570" y="168518"/>
                    <a:pt x="2205067" y="172618"/>
                    <a:pt x="2224025" y="177836"/>
                  </a:cubicBezTo>
                  <a:cubicBezTo>
                    <a:pt x="2254878" y="185663"/>
                    <a:pt x="2289448" y="194980"/>
                    <a:pt x="2292050" y="238960"/>
                  </a:cubicBezTo>
                  <a:cubicBezTo>
                    <a:pt x="2294653" y="287040"/>
                    <a:pt x="2262684" y="312384"/>
                    <a:pt x="2214360" y="314993"/>
                  </a:cubicBezTo>
                  <a:cubicBezTo>
                    <a:pt x="2177188" y="316856"/>
                    <a:pt x="2145591" y="304930"/>
                    <a:pt x="2133325" y="297103"/>
                  </a:cubicBezTo>
                  <a:lnTo>
                    <a:pt x="2150796" y="257223"/>
                  </a:lnTo>
                  <a:cubicBezTo>
                    <a:pt x="2166036" y="265050"/>
                    <a:pt x="2189827" y="273622"/>
                    <a:pt x="2208784" y="272504"/>
                  </a:cubicBezTo>
                  <a:cubicBezTo>
                    <a:pt x="2224397" y="272131"/>
                    <a:pt x="2235177" y="265050"/>
                    <a:pt x="2234433" y="249023"/>
                  </a:cubicBezTo>
                  <a:cubicBezTo>
                    <a:pt x="2233318" y="232624"/>
                    <a:pt x="2218449" y="229270"/>
                    <a:pt x="2199863" y="224424"/>
                  </a:cubicBezTo>
                  <a:cubicBezTo>
                    <a:pt x="2167895" y="216970"/>
                    <a:pt x="2135927" y="206534"/>
                    <a:pt x="2133325" y="162555"/>
                  </a:cubicBezTo>
                  <a:cubicBezTo>
                    <a:pt x="2131094" y="118202"/>
                    <a:pt x="2164549" y="92858"/>
                    <a:pt x="2208041" y="90249"/>
                  </a:cubicBezTo>
                  <a:close/>
                  <a:moveTo>
                    <a:pt x="1004892" y="31230"/>
                  </a:moveTo>
                  <a:lnTo>
                    <a:pt x="1063095" y="31230"/>
                  </a:lnTo>
                  <a:lnTo>
                    <a:pt x="1063095" y="112822"/>
                  </a:lnTo>
                  <a:cubicBezTo>
                    <a:pt x="1076440" y="98665"/>
                    <a:pt x="1095347" y="90841"/>
                    <a:pt x="1115736" y="90841"/>
                  </a:cubicBezTo>
                  <a:cubicBezTo>
                    <a:pt x="1159481" y="90841"/>
                    <a:pt x="1183207" y="115803"/>
                    <a:pt x="1183207" y="165727"/>
                  </a:cubicBezTo>
                  <a:lnTo>
                    <a:pt x="1183207" y="310283"/>
                  </a:lnTo>
                  <a:lnTo>
                    <a:pt x="1125004" y="310283"/>
                  </a:lnTo>
                  <a:lnTo>
                    <a:pt x="1125004" y="174668"/>
                  </a:lnTo>
                  <a:cubicBezTo>
                    <a:pt x="1125004" y="153432"/>
                    <a:pt x="1120556" y="136294"/>
                    <a:pt x="1098313" y="136294"/>
                  </a:cubicBezTo>
                  <a:cubicBezTo>
                    <a:pt x="1076811" y="136294"/>
                    <a:pt x="1062353" y="153432"/>
                    <a:pt x="1062353" y="173178"/>
                  </a:cubicBezTo>
                  <a:lnTo>
                    <a:pt x="1062353" y="310283"/>
                  </a:lnTo>
                  <a:lnTo>
                    <a:pt x="1004892" y="310283"/>
                  </a:lnTo>
                  <a:close/>
                  <a:moveTo>
                    <a:pt x="842391" y="31230"/>
                  </a:moveTo>
                  <a:lnTo>
                    <a:pt x="900136" y="31230"/>
                  </a:lnTo>
                  <a:lnTo>
                    <a:pt x="900136" y="97603"/>
                  </a:lnTo>
                  <a:lnTo>
                    <a:pt x="954920" y="97603"/>
                  </a:lnTo>
                  <a:lnTo>
                    <a:pt x="954920" y="143467"/>
                  </a:lnTo>
                  <a:lnTo>
                    <a:pt x="900877" y="143467"/>
                  </a:lnTo>
                  <a:lnTo>
                    <a:pt x="900877" y="238551"/>
                  </a:lnTo>
                  <a:cubicBezTo>
                    <a:pt x="900877" y="261670"/>
                    <a:pt x="905689" y="270992"/>
                    <a:pt x="921236" y="270992"/>
                  </a:cubicBezTo>
                  <a:cubicBezTo>
                    <a:pt x="928639" y="270992"/>
                    <a:pt x="936782" y="268382"/>
                    <a:pt x="946407" y="264653"/>
                  </a:cubicBezTo>
                  <a:lnTo>
                    <a:pt x="958622" y="303433"/>
                  </a:lnTo>
                  <a:cubicBezTo>
                    <a:pt x="946407" y="311636"/>
                    <a:pt x="924197" y="316856"/>
                    <a:pt x="905689" y="316856"/>
                  </a:cubicBezTo>
                  <a:cubicBezTo>
                    <a:pt x="845722" y="316856"/>
                    <a:pt x="842391" y="282551"/>
                    <a:pt x="842391" y="247128"/>
                  </a:cubicBezTo>
                  <a:lnTo>
                    <a:pt x="842391" y="143467"/>
                  </a:lnTo>
                  <a:lnTo>
                    <a:pt x="809816" y="143467"/>
                  </a:lnTo>
                  <a:lnTo>
                    <a:pt x="809816" y="97603"/>
                  </a:lnTo>
                  <a:lnTo>
                    <a:pt x="842391" y="97603"/>
                  </a:lnTo>
                  <a:close/>
                  <a:moveTo>
                    <a:pt x="698343" y="31230"/>
                  </a:moveTo>
                  <a:lnTo>
                    <a:pt x="756722" y="31230"/>
                  </a:lnTo>
                  <a:lnTo>
                    <a:pt x="756722" y="238449"/>
                  </a:lnTo>
                  <a:cubicBezTo>
                    <a:pt x="756722" y="261597"/>
                    <a:pt x="761895" y="270932"/>
                    <a:pt x="777045" y="270932"/>
                  </a:cubicBezTo>
                  <a:cubicBezTo>
                    <a:pt x="784434" y="270932"/>
                    <a:pt x="792563" y="268318"/>
                    <a:pt x="802170" y="264584"/>
                  </a:cubicBezTo>
                  <a:lnTo>
                    <a:pt x="814364" y="303415"/>
                  </a:lnTo>
                  <a:cubicBezTo>
                    <a:pt x="802170" y="311629"/>
                    <a:pt x="780000" y="316856"/>
                    <a:pt x="761895" y="316856"/>
                  </a:cubicBezTo>
                  <a:cubicBezTo>
                    <a:pt x="702038" y="316856"/>
                    <a:pt x="698343" y="282506"/>
                    <a:pt x="698343" y="247036"/>
                  </a:cubicBezTo>
                  <a:close/>
                  <a:moveTo>
                    <a:pt x="0" y="31230"/>
                  </a:moveTo>
                  <a:lnTo>
                    <a:pt x="59654" y="31230"/>
                  </a:lnTo>
                  <a:lnTo>
                    <a:pt x="59654" y="142255"/>
                  </a:lnTo>
                  <a:lnTo>
                    <a:pt x="145779" y="142255"/>
                  </a:lnTo>
                  <a:lnTo>
                    <a:pt x="145779" y="31230"/>
                  </a:lnTo>
                  <a:lnTo>
                    <a:pt x="206179" y="31230"/>
                  </a:lnTo>
                  <a:lnTo>
                    <a:pt x="206179" y="310283"/>
                  </a:lnTo>
                  <a:lnTo>
                    <a:pt x="145779" y="310283"/>
                  </a:lnTo>
                  <a:lnTo>
                    <a:pt x="145779" y="194787"/>
                  </a:lnTo>
                  <a:lnTo>
                    <a:pt x="59654" y="194787"/>
                  </a:lnTo>
                  <a:lnTo>
                    <a:pt x="59654" y="310283"/>
                  </a:lnTo>
                  <a:lnTo>
                    <a:pt x="0" y="310283"/>
                  </a:lnTo>
                  <a:close/>
                  <a:moveTo>
                    <a:pt x="1262898" y="0"/>
                  </a:moveTo>
                  <a:cubicBezTo>
                    <a:pt x="1281745" y="0"/>
                    <a:pt x="1294680" y="13890"/>
                    <a:pt x="1294680" y="30408"/>
                  </a:cubicBezTo>
                  <a:cubicBezTo>
                    <a:pt x="1294680" y="48053"/>
                    <a:pt x="1281745" y="60442"/>
                    <a:pt x="1262898" y="60442"/>
                  </a:cubicBezTo>
                  <a:cubicBezTo>
                    <a:pt x="1243681" y="60442"/>
                    <a:pt x="1231116" y="48053"/>
                    <a:pt x="1231116" y="30408"/>
                  </a:cubicBezTo>
                  <a:cubicBezTo>
                    <a:pt x="1231116" y="13890"/>
                    <a:pt x="1244051" y="0"/>
                    <a:pt x="1262898" y="0"/>
                  </a:cubicBezTo>
                  <a:close/>
                </a:path>
              </a:pathLst>
            </a:custGeom>
            <a:solidFill>
              <a:schemeClr val="tx2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1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"/>
                <a:cs typeface=""/>
              </a:endParaRPr>
            </a:p>
          </p:txBody>
        </p:sp>
      </p:grpSp>
      <p:sp>
        <p:nvSpPr>
          <p:cNvPr id="46" name="Abgerundetes Rechteck 87"/>
          <p:cNvSpPr/>
          <p:nvPr userDrawn="1"/>
        </p:nvSpPr>
        <p:spPr>
          <a:xfrm>
            <a:off x="12649206" y="4866112"/>
            <a:ext cx="1865457" cy="1442613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Placeholder Eye-catcher </a:t>
            </a:r>
            <a:br>
              <a:rPr lang="en-US" sz="1100" b="1" dirty="0">
                <a:solidFill>
                  <a:srgbClr val="2D1E1C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for notes and third party logos</a:t>
            </a:r>
          </a:p>
          <a:p>
            <a:r>
              <a:rPr lang="en-US" sz="1100" dirty="0">
                <a:solidFill>
                  <a:schemeClr val="bg1"/>
                </a:solidFill>
                <a:latin typeface="+mn-lt"/>
              </a:rPr>
              <a:t>Placement can be varied  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in</a:t>
            </a:r>
            <a:r>
              <a:rPr lang="en-US" sz="1100" baseline="0" dirty="0">
                <a:solidFill>
                  <a:schemeClr val="bg1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heights.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If it is</a:t>
            </a:r>
            <a:r>
              <a:rPr lang="en-US" sz="1100" baseline="0" dirty="0">
                <a:solidFill>
                  <a:schemeClr val="bg1"/>
                </a:solidFill>
                <a:latin typeface="+mn-lt"/>
              </a:rPr>
              <a:t> 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not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needed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, please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delete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 this element.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51229607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ntroduction/Table of content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9651918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360" imgH="360" progId="">
                  <p:embed/>
                </p:oleObj>
              </mc:Choice>
              <mc:Fallback>
                <p:oleObj name="think-cell Folie" r:id="rId4" imgW="360" imgH="360" progId="">
                  <p:embed/>
                  <p:pic>
                    <p:nvPicPr>
                      <p:cNvPr id="0" name="Picture 18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18" name="Picture 3" descr="C:\Users\z000cq2y\Desktop\NewB\12 top Applivations\Title1.jpg"/>
          <p:cNvPicPr>
            <a:picLocks noChangeAspect="1" noChangeArrowheads="1"/>
          </p:cNvPicPr>
          <p:nvPr userDrawn="1"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3175" y="1152942"/>
            <a:ext cx="6937298" cy="515578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7" name="Freeform 5"/>
          <p:cNvSpPr>
            <a:spLocks/>
          </p:cNvSpPr>
          <p:nvPr userDrawn="1"/>
        </p:nvSpPr>
        <p:spPr bwMode="gray">
          <a:xfrm>
            <a:off x="5597526" y="1"/>
            <a:ext cx="6029325" cy="6308725"/>
          </a:xfrm>
          <a:custGeom>
            <a:avLst/>
            <a:gdLst/>
            <a:ahLst/>
            <a:cxnLst/>
            <a:rect l="l" t="t" r="r" b="b"/>
            <a:pathLst>
              <a:path w="6029325" h="6308725">
                <a:moveTo>
                  <a:pt x="1460500" y="0"/>
                </a:moveTo>
                <a:lnTo>
                  <a:pt x="6029325" y="0"/>
                </a:lnTo>
                <a:lnTo>
                  <a:pt x="6029325" y="6308725"/>
                </a:lnTo>
                <a:lnTo>
                  <a:pt x="654617" y="6308725"/>
                </a:lnTo>
                <a:lnTo>
                  <a:pt x="622300" y="6248400"/>
                </a:lnTo>
                <a:lnTo>
                  <a:pt x="574675" y="6156325"/>
                </a:lnTo>
                <a:lnTo>
                  <a:pt x="530225" y="6064250"/>
                </a:lnTo>
                <a:lnTo>
                  <a:pt x="485775" y="5972175"/>
                </a:lnTo>
                <a:lnTo>
                  <a:pt x="444500" y="5876925"/>
                </a:lnTo>
                <a:lnTo>
                  <a:pt x="403225" y="5781675"/>
                </a:lnTo>
                <a:lnTo>
                  <a:pt x="365125" y="5686425"/>
                </a:lnTo>
                <a:lnTo>
                  <a:pt x="330200" y="5588000"/>
                </a:lnTo>
                <a:lnTo>
                  <a:pt x="295275" y="5492750"/>
                </a:lnTo>
                <a:lnTo>
                  <a:pt x="263525" y="5391150"/>
                </a:lnTo>
                <a:lnTo>
                  <a:pt x="231775" y="5292725"/>
                </a:lnTo>
                <a:lnTo>
                  <a:pt x="203200" y="5194300"/>
                </a:lnTo>
                <a:lnTo>
                  <a:pt x="174625" y="5092700"/>
                </a:lnTo>
                <a:lnTo>
                  <a:pt x="149225" y="4991100"/>
                </a:lnTo>
                <a:lnTo>
                  <a:pt x="127000" y="4889500"/>
                </a:lnTo>
                <a:lnTo>
                  <a:pt x="104775" y="4784725"/>
                </a:lnTo>
                <a:lnTo>
                  <a:pt x="85725" y="4679950"/>
                </a:lnTo>
                <a:lnTo>
                  <a:pt x="69850" y="4575175"/>
                </a:lnTo>
                <a:lnTo>
                  <a:pt x="53975" y="4470400"/>
                </a:lnTo>
                <a:lnTo>
                  <a:pt x="38100" y="4365625"/>
                </a:lnTo>
                <a:lnTo>
                  <a:pt x="28575" y="4257675"/>
                </a:lnTo>
                <a:lnTo>
                  <a:pt x="19050" y="4152900"/>
                </a:lnTo>
                <a:lnTo>
                  <a:pt x="12700" y="4044950"/>
                </a:lnTo>
                <a:lnTo>
                  <a:pt x="6350" y="3937000"/>
                </a:lnTo>
                <a:lnTo>
                  <a:pt x="3175" y="3825875"/>
                </a:lnTo>
                <a:lnTo>
                  <a:pt x="0" y="3717925"/>
                </a:lnTo>
                <a:lnTo>
                  <a:pt x="3175" y="3584575"/>
                </a:lnTo>
                <a:lnTo>
                  <a:pt x="9525" y="3451225"/>
                </a:lnTo>
                <a:lnTo>
                  <a:pt x="15875" y="3317875"/>
                </a:lnTo>
                <a:lnTo>
                  <a:pt x="28575" y="3184525"/>
                </a:lnTo>
                <a:lnTo>
                  <a:pt x="41275" y="3054350"/>
                </a:lnTo>
                <a:lnTo>
                  <a:pt x="57150" y="2924175"/>
                </a:lnTo>
                <a:lnTo>
                  <a:pt x="79375" y="2797175"/>
                </a:lnTo>
                <a:lnTo>
                  <a:pt x="101600" y="2667000"/>
                </a:lnTo>
                <a:lnTo>
                  <a:pt x="127000" y="2540000"/>
                </a:lnTo>
                <a:lnTo>
                  <a:pt x="158750" y="2416175"/>
                </a:lnTo>
                <a:lnTo>
                  <a:pt x="190500" y="2292350"/>
                </a:lnTo>
                <a:lnTo>
                  <a:pt x="225425" y="2168525"/>
                </a:lnTo>
                <a:lnTo>
                  <a:pt x="263525" y="2044700"/>
                </a:lnTo>
                <a:lnTo>
                  <a:pt x="301625" y="1924050"/>
                </a:lnTo>
                <a:lnTo>
                  <a:pt x="346075" y="1803400"/>
                </a:lnTo>
                <a:lnTo>
                  <a:pt x="390525" y="1685925"/>
                </a:lnTo>
                <a:lnTo>
                  <a:pt x="441325" y="1568450"/>
                </a:lnTo>
                <a:lnTo>
                  <a:pt x="492125" y="1454150"/>
                </a:lnTo>
                <a:lnTo>
                  <a:pt x="546100" y="1339850"/>
                </a:lnTo>
                <a:lnTo>
                  <a:pt x="600075" y="1225550"/>
                </a:lnTo>
                <a:lnTo>
                  <a:pt x="660400" y="1114425"/>
                </a:lnTo>
                <a:lnTo>
                  <a:pt x="720725" y="1006475"/>
                </a:lnTo>
                <a:lnTo>
                  <a:pt x="784225" y="895350"/>
                </a:lnTo>
                <a:lnTo>
                  <a:pt x="850900" y="790575"/>
                </a:lnTo>
                <a:lnTo>
                  <a:pt x="917575" y="685800"/>
                </a:lnTo>
                <a:lnTo>
                  <a:pt x="990600" y="581025"/>
                </a:lnTo>
                <a:lnTo>
                  <a:pt x="1063625" y="479425"/>
                </a:lnTo>
                <a:lnTo>
                  <a:pt x="1136650" y="381000"/>
                </a:lnTo>
                <a:lnTo>
                  <a:pt x="1216025" y="282575"/>
                </a:lnTo>
                <a:lnTo>
                  <a:pt x="1295400" y="187325"/>
                </a:lnTo>
                <a:lnTo>
                  <a:pt x="1377950" y="92075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eaLnBrk="1"/>
            <a:endParaRPr lang="en-US" dirty="0"/>
          </a:p>
        </p:txBody>
      </p:sp>
      <p:sp>
        <p:nvSpPr>
          <p:cNvPr id="75" name="Textplatzhalter 6"/>
          <p:cNvSpPr>
            <a:spLocks noGrp="1"/>
          </p:cNvSpPr>
          <p:nvPr>
            <p:ph type="body" sz="quarter" idx="15" hasCustomPrompt="1"/>
          </p:nvPr>
        </p:nvSpPr>
        <p:spPr>
          <a:xfrm>
            <a:off x="6134100" y="1629093"/>
            <a:ext cx="5492751" cy="851515"/>
          </a:xfrm>
        </p:spPr>
        <p:txBody>
          <a:bodyPr wrap="square">
            <a:spAutoFit/>
          </a:bodyPr>
          <a:lstStyle>
            <a:lvl1pPr marL="266700" indent="-266700">
              <a:buClr>
                <a:schemeClr val="tx2"/>
              </a:buClr>
              <a:buFont typeface="Arial" panose="020B0604020202020204" pitchFamily="34" charset="0"/>
              <a:buChar char="•"/>
              <a:tabLst>
                <a:tab pos="5494338" algn="r"/>
              </a:tabLst>
              <a:defRPr b="0">
                <a:solidFill>
                  <a:schemeClr val="tx1"/>
                </a:solidFill>
              </a:defRPr>
            </a:lvl1pPr>
            <a:lvl3pPr>
              <a:buClr>
                <a:schemeClr val="tx2"/>
              </a:buClr>
              <a:tabLst>
                <a:tab pos="5494338" algn="r"/>
              </a:tabLst>
              <a:defRPr baseline="0"/>
            </a:lvl3pPr>
          </a:lstStyle>
          <a:p>
            <a:pPr lvl="0"/>
            <a:r>
              <a:rPr lang="en-US" dirty="0"/>
              <a:t>Click to add chapter title, [Tab] 	page #</a:t>
            </a:r>
          </a:p>
          <a:p>
            <a:pPr lvl="2"/>
            <a:r>
              <a:rPr lang="en-US" dirty="0"/>
              <a:t>Second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0" y="796"/>
            <a:ext cx="12198350" cy="1624807"/>
            <a:chOff x="0" y="796"/>
            <a:chExt cx="12198350" cy="1624807"/>
          </a:xfrm>
        </p:grpSpPr>
        <p:sp>
          <p:nvSpPr>
            <p:cNvPr id="74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77" name="Freeform 11"/>
            <p:cNvSpPr>
              <a:spLocks/>
            </p:cNvSpPr>
            <p:nvPr userDrawn="1"/>
          </p:nvSpPr>
          <p:spPr bwMode="gray">
            <a:xfrm>
              <a:off x="0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09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10" name="Freihandform 109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11" name="Freihandform 110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12" name="Freihandform 111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14" name="Abgerundetes Rechteck 42"/>
          <p:cNvSpPr/>
          <p:nvPr userDrawn="1"/>
        </p:nvSpPr>
        <p:spPr>
          <a:xfrm>
            <a:off x="12649206" y="162700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Image</a:t>
            </a:r>
            <a:r>
              <a:rPr lang="en-US" sz="1100" dirty="0">
                <a:solidFill>
                  <a:srgbClr val="2D1E1C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must be exchanged on the slide master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482601" y="216377"/>
            <a:ext cx="9144000" cy="492443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/>
              <a:t>Introduction/Table of contents</a:t>
            </a:r>
            <a:r>
              <a:rPr lang="en-US" noProof="0" dirty="0"/>
              <a:t>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213397327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ntroduction/Table of content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7562577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360" imgH="360" progId="">
                  <p:embed/>
                </p:oleObj>
              </mc:Choice>
              <mc:Fallback>
                <p:oleObj name="think-cell Folie" r:id="rId4" imgW="360" imgH="360" progId="">
                  <p:embed/>
                  <p:pic>
                    <p:nvPicPr>
                      <p:cNvPr id="0" name="Picture 18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6" name="Rechteck 215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/>
            <a:endParaRPr lang="en-US" dirty="0"/>
          </a:p>
        </p:txBody>
      </p:sp>
      <p:pic>
        <p:nvPicPr>
          <p:cNvPr id="16" name="Grafik 15"/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560737" y="757121"/>
            <a:ext cx="5597523" cy="5558307"/>
          </a:xfrm>
          <a:prstGeom prst="rect">
            <a:avLst/>
          </a:prstGeom>
        </p:spPr>
      </p:pic>
      <p:sp>
        <p:nvSpPr>
          <p:cNvPr id="7" name="Textplatzhalter 6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482600" y="1629093"/>
            <a:ext cx="5651500" cy="851515"/>
          </a:xfrm>
        </p:spPr>
        <p:txBody>
          <a:bodyPr>
            <a:spAutoFit/>
          </a:bodyPr>
          <a:lstStyle>
            <a:lvl1pPr marL="266700" indent="-266700">
              <a:buClr>
                <a:schemeClr val="tx2"/>
              </a:buClr>
              <a:buFont typeface="Arial" panose="020B0604020202020204" pitchFamily="34" charset="0"/>
              <a:buChar char="•"/>
              <a:tabLst>
                <a:tab pos="5646738" algn="r"/>
              </a:tabLst>
              <a:defRPr b="0">
                <a:solidFill>
                  <a:schemeClr val="tx1"/>
                </a:solidFill>
              </a:defRPr>
            </a:lvl1pPr>
            <a:lvl3pPr>
              <a:tabLst>
                <a:tab pos="5646738" algn="r"/>
              </a:tabLst>
              <a:defRPr baseline="0"/>
            </a:lvl3pPr>
          </a:lstStyle>
          <a:p>
            <a:pPr lvl="0"/>
            <a:r>
              <a:rPr lang="en-US" dirty="0"/>
              <a:t>Click to add chapter title, [Tab] 	page #</a:t>
            </a:r>
          </a:p>
          <a:p>
            <a:pPr lvl="2"/>
            <a:r>
              <a:rPr lang="en-US" dirty="0"/>
              <a:t>Second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249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25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251" name="Freihandform 25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252" name="Freihandform 25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253" name="Freihandform 25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>
          <a:xfrm>
            <a:off x="482601" y="216377"/>
            <a:ext cx="9144000" cy="492443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/>
              <a:t>Introduction/Table of contents</a:t>
            </a:r>
            <a:r>
              <a:rPr lang="en-US" noProof="0" dirty="0"/>
              <a:t>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8146882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ntroduction/Table of content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2606242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360" imgH="360" progId="">
                  <p:embed/>
                </p:oleObj>
              </mc:Choice>
              <mc:Fallback>
                <p:oleObj name="think-cell Folie" r:id="rId4" imgW="360" imgH="360" progId="">
                  <p:embed/>
                  <p:pic>
                    <p:nvPicPr>
                      <p:cNvPr id="0" name="Picture 18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Grafik 15"/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560737" y="757121"/>
            <a:ext cx="5597523" cy="5567437"/>
          </a:xfrm>
          <a:prstGeom prst="rect">
            <a:avLst/>
          </a:prstGeom>
        </p:spPr>
      </p:pic>
      <p:sp>
        <p:nvSpPr>
          <p:cNvPr id="219" name="Textplatzhalter 6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482600" y="1629093"/>
            <a:ext cx="5651500" cy="851515"/>
          </a:xfrm>
        </p:spPr>
        <p:txBody>
          <a:bodyPr>
            <a:spAutoFit/>
          </a:bodyPr>
          <a:lstStyle>
            <a:lvl1pPr marL="266700" indent="-266700">
              <a:buClr>
                <a:schemeClr val="tx2"/>
              </a:buClr>
              <a:buFont typeface="Arial" panose="020B0604020202020204" pitchFamily="34" charset="0"/>
              <a:buChar char="•"/>
              <a:tabLst>
                <a:tab pos="5646738" algn="r"/>
              </a:tabLst>
              <a:defRPr b="0">
                <a:solidFill>
                  <a:schemeClr val="tx1"/>
                </a:solidFill>
              </a:defRPr>
            </a:lvl1pPr>
            <a:lvl3pPr>
              <a:tabLst>
                <a:tab pos="5646738" algn="r"/>
              </a:tabLst>
              <a:defRPr baseline="0"/>
            </a:lvl3pPr>
          </a:lstStyle>
          <a:p>
            <a:pPr lvl="0"/>
            <a:r>
              <a:rPr lang="en-US" dirty="0"/>
              <a:t>Click to add chapter title, [Tab] 	page #</a:t>
            </a:r>
          </a:p>
          <a:p>
            <a:pPr lvl="2"/>
            <a:r>
              <a:rPr lang="en-US" dirty="0"/>
              <a:t>Second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1" y="796"/>
            <a:ext cx="12198350" cy="1624807"/>
            <a:chOff x="1" y="796"/>
            <a:chExt cx="12198350" cy="1624807"/>
          </a:xfrm>
        </p:grpSpPr>
        <p:sp>
          <p:nvSpPr>
            <p:cNvPr id="218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217" name="Freeform 11"/>
            <p:cNvSpPr>
              <a:spLocks/>
            </p:cNvSpPr>
            <p:nvPr userDrawn="1"/>
          </p:nvSpPr>
          <p:spPr bwMode="gray">
            <a:xfrm>
              <a:off x="1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</p:grpSp>
      <p:grpSp>
        <p:nvGrpSpPr>
          <p:cNvPr id="495" name="Gruppierung 140"/>
          <p:cNvGrpSpPr>
            <a:grpSpLocks noChangeAspect="1"/>
          </p:cNvGrpSpPr>
          <p:nvPr userDrawn="1"/>
        </p:nvGrpSpPr>
        <p:grpSpPr>
          <a:xfrm>
            <a:off x="10291931" y="341313"/>
            <a:ext cx="1638132" cy="385201"/>
            <a:chOff x="6613648" y="2453653"/>
            <a:chExt cx="2815390" cy="662028"/>
          </a:xfrm>
        </p:grpSpPr>
        <p:sp>
          <p:nvSpPr>
            <p:cNvPr id="496" name="Freihandform 495"/>
            <p:cNvSpPr>
              <a:spLocks noChangeAspect="1" noChangeArrowheads="1"/>
            </p:cNvSpPr>
            <p:nvPr/>
          </p:nvSpPr>
          <p:spPr bwMode="auto">
            <a:xfrm>
              <a:off x="8944950" y="2560629"/>
              <a:ext cx="484088" cy="476289"/>
            </a:xfrm>
            <a:custGeom>
              <a:avLst/>
              <a:gdLst>
                <a:gd name="connsiteX0" fmla="*/ 224003 w 484088"/>
                <a:gd name="connsiteY0" fmla="*/ 410646 h 476290"/>
                <a:gd name="connsiteX1" fmla="*/ 247187 w 484088"/>
                <a:gd name="connsiteY1" fmla="*/ 420103 h 476290"/>
                <a:gd name="connsiteX2" fmla="*/ 247187 w 484088"/>
                <a:gd name="connsiteY2" fmla="*/ 466833 h 476290"/>
                <a:gd name="connsiteX3" fmla="*/ 200818 w 484088"/>
                <a:gd name="connsiteY3" fmla="*/ 466833 h 476290"/>
                <a:gd name="connsiteX4" fmla="*/ 200818 w 484088"/>
                <a:gd name="connsiteY4" fmla="*/ 420103 h 476290"/>
                <a:gd name="connsiteX5" fmla="*/ 224003 w 484088"/>
                <a:gd name="connsiteY5" fmla="*/ 410646 h 476290"/>
                <a:gd name="connsiteX6" fmla="*/ 121049 w 484088"/>
                <a:gd name="connsiteY6" fmla="*/ 316301 h 476290"/>
                <a:gd name="connsiteX7" fmla="*/ 138696 w 484088"/>
                <a:gd name="connsiteY7" fmla="*/ 323796 h 476290"/>
                <a:gd name="connsiteX8" fmla="*/ 138696 w 484088"/>
                <a:gd name="connsiteY8" fmla="*/ 359325 h 476290"/>
                <a:gd name="connsiteX9" fmla="*/ 103128 w 484088"/>
                <a:gd name="connsiteY9" fmla="*/ 359325 h 476290"/>
                <a:gd name="connsiteX10" fmla="*/ 103128 w 484088"/>
                <a:gd name="connsiteY10" fmla="*/ 323796 h 476290"/>
                <a:gd name="connsiteX11" fmla="*/ 121049 w 484088"/>
                <a:gd name="connsiteY11" fmla="*/ 316301 h 476290"/>
                <a:gd name="connsiteX12" fmla="*/ 325449 w 484088"/>
                <a:gd name="connsiteY12" fmla="*/ 298284 h 476290"/>
                <a:gd name="connsiteX13" fmla="*/ 356024 w 484088"/>
                <a:gd name="connsiteY13" fmla="*/ 310902 h 476290"/>
                <a:gd name="connsiteX14" fmla="*/ 356024 w 484088"/>
                <a:gd name="connsiteY14" fmla="*/ 372214 h 476290"/>
                <a:gd name="connsiteX15" fmla="*/ 294874 w 484088"/>
                <a:gd name="connsiteY15" fmla="*/ 372214 h 476290"/>
                <a:gd name="connsiteX16" fmla="*/ 294874 w 484088"/>
                <a:gd name="connsiteY16" fmla="*/ 310902 h 476290"/>
                <a:gd name="connsiteX17" fmla="*/ 325449 w 484088"/>
                <a:gd name="connsiteY17" fmla="*/ 298284 h 476290"/>
                <a:gd name="connsiteX18" fmla="*/ 19273 w 484088"/>
                <a:gd name="connsiteY18" fmla="*/ 218685 h 476290"/>
                <a:gd name="connsiteX19" fmla="*/ 32986 w 484088"/>
                <a:gd name="connsiteY19" fmla="*/ 224259 h 476290"/>
                <a:gd name="connsiteX20" fmla="*/ 32986 w 484088"/>
                <a:gd name="connsiteY20" fmla="*/ 251759 h 476290"/>
                <a:gd name="connsiteX21" fmla="*/ 5560 w 484088"/>
                <a:gd name="connsiteY21" fmla="*/ 251759 h 476290"/>
                <a:gd name="connsiteX22" fmla="*/ 5560 w 484088"/>
                <a:gd name="connsiteY22" fmla="*/ 224259 h 476290"/>
                <a:gd name="connsiteX23" fmla="*/ 19273 w 484088"/>
                <a:gd name="connsiteY23" fmla="*/ 218685 h 476290"/>
                <a:gd name="connsiteX24" fmla="*/ 224003 w 484088"/>
                <a:gd name="connsiteY24" fmla="*/ 205318 h 476290"/>
                <a:gd name="connsiteX25" fmla="*/ 247187 w 484088"/>
                <a:gd name="connsiteY25" fmla="*/ 215174 h 476290"/>
                <a:gd name="connsiteX26" fmla="*/ 247187 w 484088"/>
                <a:gd name="connsiteY26" fmla="*/ 262482 h 476290"/>
                <a:gd name="connsiteX27" fmla="*/ 200818 w 484088"/>
                <a:gd name="connsiteY27" fmla="*/ 262482 h 476290"/>
                <a:gd name="connsiteX28" fmla="*/ 200818 w 484088"/>
                <a:gd name="connsiteY28" fmla="*/ 215174 h 476290"/>
                <a:gd name="connsiteX29" fmla="*/ 224003 w 484088"/>
                <a:gd name="connsiteY29" fmla="*/ 205318 h 476290"/>
                <a:gd name="connsiteX30" fmla="*/ 428279 w 484088"/>
                <a:gd name="connsiteY30" fmla="*/ 182871 h 476290"/>
                <a:gd name="connsiteX31" fmla="*/ 467652 w 484088"/>
                <a:gd name="connsiteY31" fmla="*/ 199351 h 476290"/>
                <a:gd name="connsiteX32" fmla="*/ 467652 w 484088"/>
                <a:gd name="connsiteY32" fmla="*/ 278307 h 476290"/>
                <a:gd name="connsiteX33" fmla="*/ 388906 w 484088"/>
                <a:gd name="connsiteY33" fmla="*/ 278307 h 476290"/>
                <a:gd name="connsiteX34" fmla="*/ 388906 w 484088"/>
                <a:gd name="connsiteY34" fmla="*/ 199351 h 476290"/>
                <a:gd name="connsiteX35" fmla="*/ 428279 w 484088"/>
                <a:gd name="connsiteY35" fmla="*/ 182871 h 476290"/>
                <a:gd name="connsiteX36" fmla="*/ 121049 w 484088"/>
                <a:gd name="connsiteY36" fmla="*/ 110842 h 476290"/>
                <a:gd name="connsiteX37" fmla="*/ 138696 w 484088"/>
                <a:gd name="connsiteY37" fmla="*/ 118337 h 476290"/>
                <a:gd name="connsiteX38" fmla="*/ 138696 w 484088"/>
                <a:gd name="connsiteY38" fmla="*/ 154236 h 476290"/>
                <a:gd name="connsiteX39" fmla="*/ 103128 w 484088"/>
                <a:gd name="connsiteY39" fmla="*/ 154236 h 476290"/>
                <a:gd name="connsiteX40" fmla="*/ 103128 w 484088"/>
                <a:gd name="connsiteY40" fmla="*/ 118337 h 476290"/>
                <a:gd name="connsiteX41" fmla="*/ 121049 w 484088"/>
                <a:gd name="connsiteY41" fmla="*/ 110842 h 476290"/>
                <a:gd name="connsiteX42" fmla="*/ 325683 w 484088"/>
                <a:gd name="connsiteY42" fmla="*/ 92919 h 476290"/>
                <a:gd name="connsiteX43" fmla="*/ 356092 w 484088"/>
                <a:gd name="connsiteY43" fmla="*/ 105817 h 476290"/>
                <a:gd name="connsiteX44" fmla="*/ 356092 w 484088"/>
                <a:gd name="connsiteY44" fmla="*/ 166756 h 476290"/>
                <a:gd name="connsiteX45" fmla="*/ 295553 w 484088"/>
                <a:gd name="connsiteY45" fmla="*/ 166756 h 476290"/>
                <a:gd name="connsiteX46" fmla="*/ 295553 w 484088"/>
                <a:gd name="connsiteY46" fmla="*/ 105817 h 476290"/>
                <a:gd name="connsiteX47" fmla="*/ 325683 w 484088"/>
                <a:gd name="connsiteY47" fmla="*/ 92919 h 476290"/>
                <a:gd name="connsiteX48" fmla="*/ 224003 w 484088"/>
                <a:gd name="connsiteY48" fmla="*/ 0 h 476290"/>
                <a:gd name="connsiteX49" fmla="*/ 247187 w 484088"/>
                <a:gd name="connsiteY49" fmla="*/ 9715 h 476290"/>
                <a:gd name="connsiteX50" fmla="*/ 247187 w 484088"/>
                <a:gd name="connsiteY50" fmla="*/ 57022 h 476290"/>
                <a:gd name="connsiteX51" fmla="*/ 200818 w 484088"/>
                <a:gd name="connsiteY51" fmla="*/ 57022 h 476290"/>
                <a:gd name="connsiteX52" fmla="*/ 200818 w 484088"/>
                <a:gd name="connsiteY52" fmla="*/ 9715 h 476290"/>
                <a:gd name="connsiteX53" fmla="*/ 224003 w 484088"/>
                <a:gd name="connsiteY53" fmla="*/ 0 h 47629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</a:cxnLst>
              <a:rect l="l" t="t" r="r" b="b"/>
              <a:pathLst>
                <a:path w="484088" h="476290">
                  <a:moveTo>
                    <a:pt x="224003" y="410646"/>
                  </a:moveTo>
                  <a:cubicBezTo>
                    <a:pt x="232375" y="410646"/>
                    <a:pt x="240747" y="413798"/>
                    <a:pt x="247187" y="420103"/>
                  </a:cubicBezTo>
                  <a:cubicBezTo>
                    <a:pt x="260067" y="433084"/>
                    <a:pt x="260067" y="453853"/>
                    <a:pt x="247187" y="466833"/>
                  </a:cubicBezTo>
                  <a:cubicBezTo>
                    <a:pt x="234307" y="479443"/>
                    <a:pt x="213699" y="479443"/>
                    <a:pt x="200818" y="466833"/>
                  </a:cubicBezTo>
                  <a:cubicBezTo>
                    <a:pt x="188306" y="454224"/>
                    <a:pt x="188306" y="433455"/>
                    <a:pt x="200818" y="420103"/>
                  </a:cubicBezTo>
                  <a:cubicBezTo>
                    <a:pt x="207259" y="413798"/>
                    <a:pt x="215631" y="410646"/>
                    <a:pt x="224003" y="410646"/>
                  </a:cubicBezTo>
                  <a:close/>
                  <a:moveTo>
                    <a:pt x="121049" y="316301"/>
                  </a:moveTo>
                  <a:cubicBezTo>
                    <a:pt x="127512" y="316301"/>
                    <a:pt x="133929" y="318800"/>
                    <a:pt x="138696" y="323796"/>
                  </a:cubicBezTo>
                  <a:cubicBezTo>
                    <a:pt x="148597" y="333788"/>
                    <a:pt x="148597" y="349333"/>
                    <a:pt x="138696" y="359325"/>
                  </a:cubicBezTo>
                  <a:cubicBezTo>
                    <a:pt x="129162" y="369318"/>
                    <a:pt x="113028" y="369318"/>
                    <a:pt x="103128" y="359325"/>
                  </a:cubicBezTo>
                  <a:cubicBezTo>
                    <a:pt x="93227" y="349333"/>
                    <a:pt x="93227" y="333788"/>
                    <a:pt x="103128" y="323796"/>
                  </a:cubicBezTo>
                  <a:cubicBezTo>
                    <a:pt x="108078" y="318800"/>
                    <a:pt x="114587" y="316301"/>
                    <a:pt x="121049" y="316301"/>
                  </a:cubicBezTo>
                  <a:close/>
                  <a:moveTo>
                    <a:pt x="325449" y="298284"/>
                  </a:moveTo>
                  <a:cubicBezTo>
                    <a:pt x="336448" y="298284"/>
                    <a:pt x="347448" y="302490"/>
                    <a:pt x="356024" y="310902"/>
                  </a:cubicBezTo>
                  <a:cubicBezTo>
                    <a:pt x="372803" y="328099"/>
                    <a:pt x="373175" y="355016"/>
                    <a:pt x="356024" y="372214"/>
                  </a:cubicBezTo>
                  <a:cubicBezTo>
                    <a:pt x="339245" y="389037"/>
                    <a:pt x="312026" y="389037"/>
                    <a:pt x="294874" y="372214"/>
                  </a:cubicBezTo>
                  <a:cubicBezTo>
                    <a:pt x="278468" y="355016"/>
                    <a:pt x="278468" y="328099"/>
                    <a:pt x="294874" y="310902"/>
                  </a:cubicBezTo>
                  <a:cubicBezTo>
                    <a:pt x="303450" y="302490"/>
                    <a:pt x="314449" y="298284"/>
                    <a:pt x="325449" y="298284"/>
                  </a:cubicBezTo>
                  <a:close/>
                  <a:moveTo>
                    <a:pt x="19273" y="218685"/>
                  </a:moveTo>
                  <a:cubicBezTo>
                    <a:pt x="24277" y="218685"/>
                    <a:pt x="29280" y="220543"/>
                    <a:pt x="32986" y="224259"/>
                  </a:cubicBezTo>
                  <a:cubicBezTo>
                    <a:pt x="40399" y="231692"/>
                    <a:pt x="40399" y="243955"/>
                    <a:pt x="32986" y="251759"/>
                  </a:cubicBezTo>
                  <a:cubicBezTo>
                    <a:pt x="25574" y="259192"/>
                    <a:pt x="12972" y="259192"/>
                    <a:pt x="5560" y="251759"/>
                  </a:cubicBezTo>
                  <a:cubicBezTo>
                    <a:pt x="-1853" y="243955"/>
                    <a:pt x="-1853" y="231692"/>
                    <a:pt x="5560" y="224259"/>
                  </a:cubicBezTo>
                  <a:cubicBezTo>
                    <a:pt x="9266" y="220543"/>
                    <a:pt x="14270" y="218685"/>
                    <a:pt x="19273" y="218685"/>
                  </a:cubicBezTo>
                  <a:close/>
                  <a:moveTo>
                    <a:pt x="224003" y="205318"/>
                  </a:moveTo>
                  <a:cubicBezTo>
                    <a:pt x="232375" y="205318"/>
                    <a:pt x="240747" y="208604"/>
                    <a:pt x="247187" y="215174"/>
                  </a:cubicBezTo>
                  <a:cubicBezTo>
                    <a:pt x="260067" y="228315"/>
                    <a:pt x="260067" y="249341"/>
                    <a:pt x="247187" y="262482"/>
                  </a:cubicBezTo>
                  <a:cubicBezTo>
                    <a:pt x="234307" y="275624"/>
                    <a:pt x="213699" y="275624"/>
                    <a:pt x="200818" y="262482"/>
                  </a:cubicBezTo>
                  <a:cubicBezTo>
                    <a:pt x="188306" y="249341"/>
                    <a:pt x="188306" y="228315"/>
                    <a:pt x="200818" y="215174"/>
                  </a:cubicBezTo>
                  <a:cubicBezTo>
                    <a:pt x="207259" y="208604"/>
                    <a:pt x="215631" y="205318"/>
                    <a:pt x="224003" y="205318"/>
                  </a:cubicBezTo>
                  <a:close/>
                  <a:moveTo>
                    <a:pt x="428279" y="182871"/>
                  </a:moveTo>
                  <a:cubicBezTo>
                    <a:pt x="442487" y="182871"/>
                    <a:pt x="456694" y="188365"/>
                    <a:pt x="467652" y="199351"/>
                  </a:cubicBezTo>
                  <a:cubicBezTo>
                    <a:pt x="489567" y="221325"/>
                    <a:pt x="489567" y="256334"/>
                    <a:pt x="467652" y="278307"/>
                  </a:cubicBezTo>
                  <a:cubicBezTo>
                    <a:pt x="445737" y="300281"/>
                    <a:pt x="410821" y="300281"/>
                    <a:pt x="388906" y="278307"/>
                  </a:cubicBezTo>
                  <a:cubicBezTo>
                    <a:pt x="366991" y="256706"/>
                    <a:pt x="366991" y="221325"/>
                    <a:pt x="388906" y="199351"/>
                  </a:cubicBezTo>
                  <a:cubicBezTo>
                    <a:pt x="399864" y="188365"/>
                    <a:pt x="414071" y="182871"/>
                    <a:pt x="428279" y="182871"/>
                  </a:cubicBezTo>
                  <a:close/>
                  <a:moveTo>
                    <a:pt x="121049" y="110842"/>
                  </a:moveTo>
                  <a:cubicBezTo>
                    <a:pt x="127512" y="110842"/>
                    <a:pt x="133929" y="113340"/>
                    <a:pt x="138696" y="118337"/>
                  </a:cubicBezTo>
                  <a:cubicBezTo>
                    <a:pt x="148597" y="128329"/>
                    <a:pt x="148597" y="144244"/>
                    <a:pt x="138696" y="154236"/>
                  </a:cubicBezTo>
                  <a:cubicBezTo>
                    <a:pt x="129162" y="163859"/>
                    <a:pt x="113028" y="163859"/>
                    <a:pt x="103128" y="154236"/>
                  </a:cubicBezTo>
                  <a:cubicBezTo>
                    <a:pt x="93227" y="144244"/>
                    <a:pt x="93227" y="128329"/>
                    <a:pt x="103128" y="118337"/>
                  </a:cubicBezTo>
                  <a:cubicBezTo>
                    <a:pt x="108078" y="113340"/>
                    <a:pt x="114587" y="110842"/>
                    <a:pt x="121049" y="110842"/>
                  </a:cubicBezTo>
                  <a:close/>
                  <a:moveTo>
                    <a:pt x="325683" y="92919"/>
                  </a:moveTo>
                  <a:cubicBezTo>
                    <a:pt x="336593" y="92919"/>
                    <a:pt x="347550" y="97219"/>
                    <a:pt x="356092" y="105817"/>
                  </a:cubicBezTo>
                  <a:cubicBezTo>
                    <a:pt x="373177" y="122641"/>
                    <a:pt x="373177" y="149558"/>
                    <a:pt x="356092" y="166756"/>
                  </a:cubicBezTo>
                  <a:cubicBezTo>
                    <a:pt x="339007" y="183579"/>
                    <a:pt x="312638" y="183579"/>
                    <a:pt x="295553" y="166756"/>
                  </a:cubicBezTo>
                  <a:cubicBezTo>
                    <a:pt x="278840" y="149558"/>
                    <a:pt x="278468" y="122641"/>
                    <a:pt x="295553" y="105817"/>
                  </a:cubicBezTo>
                  <a:cubicBezTo>
                    <a:pt x="303910" y="97219"/>
                    <a:pt x="314773" y="92919"/>
                    <a:pt x="325683" y="92919"/>
                  </a:cubicBezTo>
                  <a:close/>
                  <a:moveTo>
                    <a:pt x="224003" y="0"/>
                  </a:moveTo>
                  <a:cubicBezTo>
                    <a:pt x="232375" y="-47"/>
                    <a:pt x="240747" y="3144"/>
                    <a:pt x="247187" y="9715"/>
                  </a:cubicBezTo>
                  <a:cubicBezTo>
                    <a:pt x="260067" y="22480"/>
                    <a:pt x="260067" y="44257"/>
                    <a:pt x="247187" y="57022"/>
                  </a:cubicBezTo>
                  <a:cubicBezTo>
                    <a:pt x="234307" y="70163"/>
                    <a:pt x="213699" y="69788"/>
                    <a:pt x="200818" y="57022"/>
                  </a:cubicBezTo>
                  <a:cubicBezTo>
                    <a:pt x="188306" y="43881"/>
                    <a:pt x="188306" y="22856"/>
                    <a:pt x="200818" y="9715"/>
                  </a:cubicBezTo>
                  <a:cubicBezTo>
                    <a:pt x="207259" y="3332"/>
                    <a:pt x="215631" y="47"/>
                    <a:pt x="224003" y="0"/>
                  </a:cubicBezTo>
                  <a:close/>
                </a:path>
              </a:pathLst>
            </a:custGeom>
            <a:solidFill>
              <a:srgbClr val="EC6602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rPr>
                <a:t> </a:t>
              </a:r>
            </a:p>
          </p:txBody>
        </p:sp>
        <p:sp>
          <p:nvSpPr>
            <p:cNvPr id="497" name="Freihandform 496"/>
            <p:cNvSpPr>
              <a:spLocks noChangeAspect="1" noChangeArrowheads="1"/>
            </p:cNvSpPr>
            <p:nvPr/>
          </p:nvSpPr>
          <p:spPr bwMode="auto">
            <a:xfrm>
              <a:off x="7307072" y="2453653"/>
              <a:ext cx="1597948" cy="254396"/>
            </a:xfrm>
            <a:custGeom>
              <a:avLst/>
              <a:gdLst>
                <a:gd name="connsiteX0" fmla="*/ 1157347 w 1597949"/>
                <a:gd name="connsiteY0" fmla="*/ 4931 h 254396"/>
                <a:gd name="connsiteX1" fmla="*/ 1235941 w 1597949"/>
                <a:gd name="connsiteY1" fmla="*/ 4931 h 254396"/>
                <a:gd name="connsiteX2" fmla="*/ 1319354 w 1597949"/>
                <a:gd name="connsiteY2" fmla="*/ 168700 h 254396"/>
                <a:gd name="connsiteX3" fmla="*/ 1319354 w 1597949"/>
                <a:gd name="connsiteY3" fmla="*/ 4931 h 254396"/>
                <a:gd name="connsiteX4" fmla="*/ 1366807 w 1597949"/>
                <a:gd name="connsiteY4" fmla="*/ 4931 h 254396"/>
                <a:gd name="connsiteX5" fmla="*/ 1366807 w 1597949"/>
                <a:gd name="connsiteY5" fmla="*/ 249463 h 254396"/>
                <a:gd name="connsiteX6" fmla="*/ 1291179 w 1597949"/>
                <a:gd name="connsiteY6" fmla="*/ 249463 h 254396"/>
                <a:gd name="connsiteX7" fmla="*/ 1205170 w 1597949"/>
                <a:gd name="connsiteY7" fmla="*/ 83451 h 254396"/>
                <a:gd name="connsiteX8" fmla="*/ 1205170 w 1597949"/>
                <a:gd name="connsiteY8" fmla="*/ 249463 h 254396"/>
                <a:gd name="connsiteX9" fmla="*/ 1157347 w 1597949"/>
                <a:gd name="connsiteY9" fmla="*/ 249463 h 254396"/>
                <a:gd name="connsiteX10" fmla="*/ 936042 w 1597949"/>
                <a:gd name="connsiteY10" fmla="*/ 4931 h 254396"/>
                <a:gd name="connsiteX11" fmla="*/ 1110117 w 1597949"/>
                <a:gd name="connsiteY11" fmla="*/ 4931 h 254396"/>
                <a:gd name="connsiteX12" fmla="*/ 1110117 w 1597949"/>
                <a:gd name="connsiteY12" fmla="*/ 49052 h 254396"/>
                <a:gd name="connsiteX13" fmla="*/ 1001367 w 1597949"/>
                <a:gd name="connsiteY13" fmla="*/ 49052 h 254396"/>
                <a:gd name="connsiteX14" fmla="*/ 1001367 w 1597949"/>
                <a:gd name="connsiteY14" fmla="*/ 104015 h 254396"/>
                <a:gd name="connsiteX15" fmla="*/ 1096013 w 1597949"/>
                <a:gd name="connsiteY15" fmla="*/ 104015 h 254396"/>
                <a:gd name="connsiteX16" fmla="*/ 1096013 w 1597949"/>
                <a:gd name="connsiteY16" fmla="*/ 144771 h 254396"/>
                <a:gd name="connsiteX17" fmla="*/ 1001367 w 1597949"/>
                <a:gd name="connsiteY17" fmla="*/ 144771 h 254396"/>
                <a:gd name="connsiteX18" fmla="*/ 1001367 w 1597949"/>
                <a:gd name="connsiteY18" fmla="*/ 202725 h 254396"/>
                <a:gd name="connsiteX19" fmla="*/ 1112716 w 1597949"/>
                <a:gd name="connsiteY19" fmla="*/ 202725 h 254396"/>
                <a:gd name="connsiteX20" fmla="*/ 1112716 w 1597949"/>
                <a:gd name="connsiteY20" fmla="*/ 249463 h 254396"/>
                <a:gd name="connsiteX21" fmla="*/ 936042 w 1597949"/>
                <a:gd name="connsiteY21" fmla="*/ 249463 h 254396"/>
                <a:gd name="connsiteX22" fmla="*/ 577034 w 1597949"/>
                <a:gd name="connsiteY22" fmla="*/ 4931 h 254396"/>
                <a:gd name="connsiteX23" fmla="*/ 665266 w 1597949"/>
                <a:gd name="connsiteY23" fmla="*/ 4931 h 254396"/>
                <a:gd name="connsiteX24" fmla="*/ 725949 w 1597949"/>
                <a:gd name="connsiteY24" fmla="*/ 160843 h 254396"/>
                <a:gd name="connsiteX25" fmla="*/ 789611 w 1597949"/>
                <a:gd name="connsiteY25" fmla="*/ 4931 h 254396"/>
                <a:gd name="connsiteX26" fmla="*/ 873375 w 1597949"/>
                <a:gd name="connsiteY26" fmla="*/ 4931 h 254396"/>
                <a:gd name="connsiteX27" fmla="*/ 873375 w 1597949"/>
                <a:gd name="connsiteY27" fmla="*/ 248870 h 254396"/>
                <a:gd name="connsiteX28" fmla="*/ 808225 w 1597949"/>
                <a:gd name="connsiteY28" fmla="*/ 248870 h 254396"/>
                <a:gd name="connsiteX29" fmla="*/ 808225 w 1597949"/>
                <a:gd name="connsiteY29" fmla="*/ 75800 h 254396"/>
                <a:gd name="connsiteX30" fmla="*/ 737118 w 1597949"/>
                <a:gd name="connsiteY30" fmla="*/ 251108 h 254396"/>
                <a:gd name="connsiteX31" fmla="*/ 694677 w 1597949"/>
                <a:gd name="connsiteY31" fmla="*/ 251108 h 254396"/>
                <a:gd name="connsiteX32" fmla="*/ 625059 w 1597949"/>
                <a:gd name="connsiteY32" fmla="*/ 75800 h 254396"/>
                <a:gd name="connsiteX33" fmla="*/ 625059 w 1597949"/>
                <a:gd name="connsiteY33" fmla="*/ 248870 h 254396"/>
                <a:gd name="connsiteX34" fmla="*/ 577034 w 1597949"/>
                <a:gd name="connsiteY34" fmla="*/ 248870 h 254396"/>
                <a:gd name="connsiteX35" fmla="*/ 355729 w 1597949"/>
                <a:gd name="connsiteY35" fmla="*/ 4931 h 254396"/>
                <a:gd name="connsiteX36" fmla="*/ 530170 w 1597949"/>
                <a:gd name="connsiteY36" fmla="*/ 4931 h 254396"/>
                <a:gd name="connsiteX37" fmla="*/ 530170 w 1597949"/>
                <a:gd name="connsiteY37" fmla="*/ 49052 h 254396"/>
                <a:gd name="connsiteX38" fmla="*/ 420819 w 1597949"/>
                <a:gd name="connsiteY38" fmla="*/ 49052 h 254396"/>
                <a:gd name="connsiteX39" fmla="*/ 420819 w 1597949"/>
                <a:gd name="connsiteY39" fmla="*/ 104015 h 254396"/>
                <a:gd name="connsiteX40" fmla="*/ 516036 w 1597949"/>
                <a:gd name="connsiteY40" fmla="*/ 104015 h 254396"/>
                <a:gd name="connsiteX41" fmla="*/ 516036 w 1597949"/>
                <a:gd name="connsiteY41" fmla="*/ 144771 h 254396"/>
                <a:gd name="connsiteX42" fmla="*/ 420819 w 1597949"/>
                <a:gd name="connsiteY42" fmla="*/ 144771 h 254396"/>
                <a:gd name="connsiteX43" fmla="*/ 420819 w 1597949"/>
                <a:gd name="connsiteY43" fmla="*/ 202725 h 254396"/>
                <a:gd name="connsiteX44" fmla="*/ 532402 w 1597949"/>
                <a:gd name="connsiteY44" fmla="*/ 202725 h 254396"/>
                <a:gd name="connsiteX45" fmla="*/ 532402 w 1597949"/>
                <a:gd name="connsiteY45" fmla="*/ 249463 h 254396"/>
                <a:gd name="connsiteX46" fmla="*/ 355729 w 1597949"/>
                <a:gd name="connsiteY46" fmla="*/ 249463 h 254396"/>
                <a:gd name="connsiteX47" fmla="*/ 226224 w 1597949"/>
                <a:gd name="connsiteY47" fmla="*/ 4931 h 254396"/>
                <a:gd name="connsiteX48" fmla="*/ 293068 w 1597949"/>
                <a:gd name="connsiteY48" fmla="*/ 4931 h 254396"/>
                <a:gd name="connsiteX49" fmla="*/ 293068 w 1597949"/>
                <a:gd name="connsiteY49" fmla="*/ 249464 h 254396"/>
                <a:gd name="connsiteX50" fmla="*/ 259646 w 1597949"/>
                <a:gd name="connsiteY50" fmla="*/ 249464 h 254396"/>
                <a:gd name="connsiteX51" fmla="*/ 226224 w 1597949"/>
                <a:gd name="connsiteY51" fmla="*/ 249464 h 254396"/>
                <a:gd name="connsiteX52" fmla="*/ 1509330 w 1597949"/>
                <a:gd name="connsiteY52" fmla="*/ 0 h 254396"/>
                <a:gd name="connsiteX53" fmla="*/ 1573106 w 1597949"/>
                <a:gd name="connsiteY53" fmla="*/ 7806 h 254396"/>
                <a:gd name="connsiteX54" fmla="*/ 1579039 w 1597949"/>
                <a:gd name="connsiteY54" fmla="*/ 8921 h 254396"/>
                <a:gd name="connsiteX55" fmla="*/ 1579039 w 1597949"/>
                <a:gd name="connsiteY55" fmla="*/ 55011 h 254396"/>
                <a:gd name="connsiteX56" fmla="*/ 1516004 w 1597949"/>
                <a:gd name="connsiteY56" fmla="*/ 41630 h 254396"/>
                <a:gd name="connsiteX57" fmla="*/ 1475217 w 1597949"/>
                <a:gd name="connsiteY57" fmla="*/ 63932 h 254396"/>
                <a:gd name="connsiteX58" fmla="*/ 1483745 w 1597949"/>
                <a:gd name="connsiteY58" fmla="*/ 78056 h 254396"/>
                <a:gd name="connsiteX59" fmla="*/ 1521195 w 1597949"/>
                <a:gd name="connsiteY59" fmla="*/ 96641 h 254396"/>
                <a:gd name="connsiteX60" fmla="*/ 1580522 w 1597949"/>
                <a:gd name="connsiteY60" fmla="*/ 130837 h 254396"/>
                <a:gd name="connsiteX61" fmla="*/ 1597949 w 1597949"/>
                <a:gd name="connsiteY61" fmla="*/ 175812 h 254396"/>
                <a:gd name="connsiteX62" fmla="*/ 1563466 w 1597949"/>
                <a:gd name="connsiteY62" fmla="*/ 236027 h 254396"/>
                <a:gd name="connsiteX63" fmla="*/ 1491532 w 1597949"/>
                <a:gd name="connsiteY63" fmla="*/ 252753 h 254396"/>
                <a:gd name="connsiteX64" fmla="*/ 1415890 w 1597949"/>
                <a:gd name="connsiteY64" fmla="*/ 243833 h 254396"/>
                <a:gd name="connsiteX65" fmla="*/ 1415890 w 1597949"/>
                <a:gd name="connsiteY65" fmla="*/ 195884 h 254396"/>
                <a:gd name="connsiteX66" fmla="*/ 1488565 w 1597949"/>
                <a:gd name="connsiteY66" fmla="*/ 208893 h 254396"/>
                <a:gd name="connsiteX67" fmla="*/ 1532319 w 1597949"/>
                <a:gd name="connsiteY67" fmla="*/ 186220 h 254396"/>
                <a:gd name="connsiteX68" fmla="*/ 1526386 w 1597949"/>
                <a:gd name="connsiteY68" fmla="*/ 171724 h 254396"/>
                <a:gd name="connsiteX69" fmla="*/ 1493015 w 1597949"/>
                <a:gd name="connsiteY69" fmla="*/ 154254 h 254396"/>
                <a:gd name="connsiteX70" fmla="*/ 1430351 w 1597949"/>
                <a:gd name="connsiteY70" fmla="*/ 120430 h 254396"/>
                <a:gd name="connsiteX71" fmla="*/ 1411440 w 1597949"/>
                <a:gd name="connsiteY71" fmla="*/ 73596 h 254396"/>
                <a:gd name="connsiteX72" fmla="*/ 1438879 w 1597949"/>
                <a:gd name="connsiteY72" fmla="*/ 18957 h 254396"/>
                <a:gd name="connsiteX73" fmla="*/ 1509330 w 1597949"/>
                <a:gd name="connsiteY73" fmla="*/ 0 h 254396"/>
                <a:gd name="connsiteX74" fmla="*/ 97518 w 1597949"/>
                <a:gd name="connsiteY74" fmla="*/ 0 h 254396"/>
                <a:gd name="connsiteX75" fmla="*/ 166857 w 1597949"/>
                <a:gd name="connsiteY75" fmla="*/ 8966 h 254396"/>
                <a:gd name="connsiteX76" fmla="*/ 166857 w 1597949"/>
                <a:gd name="connsiteY76" fmla="*/ 55661 h 254396"/>
                <a:gd name="connsiteX77" fmla="*/ 104564 w 1597949"/>
                <a:gd name="connsiteY77" fmla="*/ 42213 h 254396"/>
                <a:gd name="connsiteX78" fmla="*/ 64147 w 1597949"/>
                <a:gd name="connsiteY78" fmla="*/ 64626 h 254396"/>
                <a:gd name="connsiteX79" fmla="*/ 72675 w 1597949"/>
                <a:gd name="connsiteY79" fmla="*/ 78448 h 254396"/>
                <a:gd name="connsiteX80" fmla="*/ 109755 w 1597949"/>
                <a:gd name="connsiteY80" fmla="*/ 97126 h 254396"/>
                <a:gd name="connsiteX81" fmla="*/ 169082 w 1597949"/>
                <a:gd name="connsiteY81" fmla="*/ 131494 h 254396"/>
                <a:gd name="connsiteX82" fmla="*/ 186509 w 1597949"/>
                <a:gd name="connsiteY82" fmla="*/ 176695 h 254396"/>
                <a:gd name="connsiteX83" fmla="*/ 152025 w 1597949"/>
                <a:gd name="connsiteY83" fmla="*/ 237212 h 254396"/>
                <a:gd name="connsiteX84" fmla="*/ 80462 w 1597949"/>
                <a:gd name="connsiteY84" fmla="*/ 254396 h 254396"/>
                <a:gd name="connsiteX85" fmla="*/ 4820 w 1597949"/>
                <a:gd name="connsiteY85" fmla="*/ 244683 h 254396"/>
                <a:gd name="connsiteX86" fmla="*/ 4820 w 1597949"/>
                <a:gd name="connsiteY86" fmla="*/ 196494 h 254396"/>
                <a:gd name="connsiteX87" fmla="*/ 77496 w 1597949"/>
                <a:gd name="connsiteY87" fmla="*/ 209568 h 254396"/>
                <a:gd name="connsiteX88" fmla="*/ 120878 w 1597949"/>
                <a:gd name="connsiteY88" fmla="*/ 186781 h 254396"/>
                <a:gd name="connsiteX89" fmla="*/ 114204 w 1597949"/>
                <a:gd name="connsiteY89" fmla="*/ 172212 h 254396"/>
                <a:gd name="connsiteX90" fmla="*/ 81574 w 1597949"/>
                <a:gd name="connsiteY90" fmla="*/ 154655 h 254396"/>
                <a:gd name="connsiteX91" fmla="*/ 18910 w 1597949"/>
                <a:gd name="connsiteY91" fmla="*/ 120661 h 254396"/>
                <a:gd name="connsiteX92" fmla="*/ 0 w 1597949"/>
                <a:gd name="connsiteY92" fmla="*/ 73965 h 254396"/>
                <a:gd name="connsiteX93" fmla="*/ 27438 w 1597949"/>
                <a:gd name="connsiteY93" fmla="*/ 19052 h 254396"/>
                <a:gd name="connsiteX94" fmla="*/ 97518 w 1597949"/>
                <a:gd name="connsiteY94" fmla="*/ 0 h 25439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1597949" h="254396">
                  <a:moveTo>
                    <a:pt x="1157347" y="4931"/>
                  </a:moveTo>
                  <a:lnTo>
                    <a:pt x="1235941" y="4931"/>
                  </a:lnTo>
                  <a:lnTo>
                    <a:pt x="1319354" y="168700"/>
                  </a:lnTo>
                  <a:lnTo>
                    <a:pt x="1319354" y="4931"/>
                  </a:lnTo>
                  <a:lnTo>
                    <a:pt x="1366807" y="4931"/>
                  </a:lnTo>
                  <a:lnTo>
                    <a:pt x="1366807" y="249463"/>
                  </a:lnTo>
                  <a:lnTo>
                    <a:pt x="1291179" y="249463"/>
                  </a:lnTo>
                  <a:lnTo>
                    <a:pt x="1205170" y="83451"/>
                  </a:lnTo>
                  <a:lnTo>
                    <a:pt x="1205170" y="249463"/>
                  </a:lnTo>
                  <a:lnTo>
                    <a:pt x="1157347" y="249463"/>
                  </a:lnTo>
                  <a:close/>
                  <a:moveTo>
                    <a:pt x="936042" y="4931"/>
                  </a:moveTo>
                  <a:lnTo>
                    <a:pt x="1110117" y="4931"/>
                  </a:lnTo>
                  <a:lnTo>
                    <a:pt x="1110117" y="49052"/>
                  </a:lnTo>
                  <a:lnTo>
                    <a:pt x="1001367" y="49052"/>
                  </a:lnTo>
                  <a:lnTo>
                    <a:pt x="1001367" y="104015"/>
                  </a:lnTo>
                  <a:lnTo>
                    <a:pt x="1096013" y="104015"/>
                  </a:lnTo>
                  <a:lnTo>
                    <a:pt x="1096013" y="144771"/>
                  </a:lnTo>
                  <a:lnTo>
                    <a:pt x="1001367" y="144771"/>
                  </a:lnTo>
                  <a:lnTo>
                    <a:pt x="1001367" y="202725"/>
                  </a:lnTo>
                  <a:lnTo>
                    <a:pt x="1112716" y="202725"/>
                  </a:lnTo>
                  <a:lnTo>
                    <a:pt x="1112716" y="249463"/>
                  </a:lnTo>
                  <a:lnTo>
                    <a:pt x="936042" y="249463"/>
                  </a:lnTo>
                  <a:close/>
                  <a:moveTo>
                    <a:pt x="577034" y="4931"/>
                  </a:moveTo>
                  <a:lnTo>
                    <a:pt x="665266" y="4931"/>
                  </a:lnTo>
                  <a:lnTo>
                    <a:pt x="725949" y="160843"/>
                  </a:lnTo>
                  <a:lnTo>
                    <a:pt x="789611" y="4931"/>
                  </a:lnTo>
                  <a:lnTo>
                    <a:pt x="873375" y="4931"/>
                  </a:lnTo>
                  <a:lnTo>
                    <a:pt x="873375" y="248870"/>
                  </a:lnTo>
                  <a:lnTo>
                    <a:pt x="808225" y="248870"/>
                  </a:lnTo>
                  <a:lnTo>
                    <a:pt x="808225" y="75800"/>
                  </a:lnTo>
                  <a:lnTo>
                    <a:pt x="737118" y="251108"/>
                  </a:lnTo>
                  <a:lnTo>
                    <a:pt x="694677" y="251108"/>
                  </a:lnTo>
                  <a:lnTo>
                    <a:pt x="625059" y="75800"/>
                  </a:lnTo>
                  <a:lnTo>
                    <a:pt x="625059" y="248870"/>
                  </a:lnTo>
                  <a:lnTo>
                    <a:pt x="577034" y="248870"/>
                  </a:lnTo>
                  <a:close/>
                  <a:moveTo>
                    <a:pt x="355729" y="4931"/>
                  </a:moveTo>
                  <a:lnTo>
                    <a:pt x="530170" y="4931"/>
                  </a:lnTo>
                  <a:lnTo>
                    <a:pt x="530170" y="49052"/>
                  </a:lnTo>
                  <a:lnTo>
                    <a:pt x="420819" y="49052"/>
                  </a:lnTo>
                  <a:lnTo>
                    <a:pt x="420819" y="104015"/>
                  </a:lnTo>
                  <a:lnTo>
                    <a:pt x="516036" y="104015"/>
                  </a:lnTo>
                  <a:lnTo>
                    <a:pt x="516036" y="144771"/>
                  </a:lnTo>
                  <a:lnTo>
                    <a:pt x="420819" y="144771"/>
                  </a:lnTo>
                  <a:lnTo>
                    <a:pt x="420819" y="202725"/>
                  </a:lnTo>
                  <a:lnTo>
                    <a:pt x="532402" y="202725"/>
                  </a:lnTo>
                  <a:lnTo>
                    <a:pt x="532402" y="249463"/>
                  </a:lnTo>
                  <a:lnTo>
                    <a:pt x="355729" y="249463"/>
                  </a:lnTo>
                  <a:close/>
                  <a:moveTo>
                    <a:pt x="226224" y="4931"/>
                  </a:moveTo>
                  <a:lnTo>
                    <a:pt x="293068" y="4931"/>
                  </a:lnTo>
                  <a:lnTo>
                    <a:pt x="293068" y="249464"/>
                  </a:lnTo>
                  <a:lnTo>
                    <a:pt x="259646" y="249464"/>
                  </a:lnTo>
                  <a:lnTo>
                    <a:pt x="226224" y="249464"/>
                  </a:lnTo>
                  <a:close/>
                  <a:moveTo>
                    <a:pt x="1509330" y="0"/>
                  </a:moveTo>
                  <a:cubicBezTo>
                    <a:pt x="1525645" y="0"/>
                    <a:pt x="1546780" y="2230"/>
                    <a:pt x="1573106" y="7806"/>
                  </a:cubicBezTo>
                  <a:lnTo>
                    <a:pt x="1579039" y="8921"/>
                  </a:lnTo>
                  <a:lnTo>
                    <a:pt x="1579039" y="55011"/>
                  </a:lnTo>
                  <a:cubicBezTo>
                    <a:pt x="1556421" y="46090"/>
                    <a:pt x="1535285" y="41630"/>
                    <a:pt x="1516004" y="41630"/>
                  </a:cubicBezTo>
                  <a:cubicBezTo>
                    <a:pt x="1488565" y="41630"/>
                    <a:pt x="1475217" y="49064"/>
                    <a:pt x="1475217" y="63932"/>
                  </a:cubicBezTo>
                  <a:cubicBezTo>
                    <a:pt x="1475217" y="69507"/>
                    <a:pt x="1477812" y="73968"/>
                    <a:pt x="1483745" y="78056"/>
                  </a:cubicBezTo>
                  <a:cubicBezTo>
                    <a:pt x="1488195" y="81030"/>
                    <a:pt x="1500431" y="86977"/>
                    <a:pt x="1521195" y="96641"/>
                  </a:cubicBezTo>
                  <a:cubicBezTo>
                    <a:pt x="1550488" y="109279"/>
                    <a:pt x="1570511" y="120801"/>
                    <a:pt x="1580522" y="130837"/>
                  </a:cubicBezTo>
                  <a:cubicBezTo>
                    <a:pt x="1592017" y="142360"/>
                    <a:pt x="1597949" y="157228"/>
                    <a:pt x="1597949" y="175812"/>
                  </a:cubicBezTo>
                  <a:cubicBezTo>
                    <a:pt x="1597949" y="202203"/>
                    <a:pt x="1586455" y="221903"/>
                    <a:pt x="1563466" y="236027"/>
                  </a:cubicBezTo>
                  <a:cubicBezTo>
                    <a:pt x="1544555" y="247178"/>
                    <a:pt x="1520824" y="252753"/>
                    <a:pt x="1491532" y="252753"/>
                  </a:cubicBezTo>
                  <a:cubicBezTo>
                    <a:pt x="1466689" y="252753"/>
                    <a:pt x="1441475" y="249780"/>
                    <a:pt x="1415890" y="243833"/>
                  </a:cubicBezTo>
                  <a:lnTo>
                    <a:pt x="1415890" y="195884"/>
                  </a:lnTo>
                  <a:cubicBezTo>
                    <a:pt x="1442958" y="204433"/>
                    <a:pt x="1467059" y="208893"/>
                    <a:pt x="1488565" y="208893"/>
                  </a:cubicBezTo>
                  <a:cubicBezTo>
                    <a:pt x="1517487" y="208893"/>
                    <a:pt x="1532319" y="201459"/>
                    <a:pt x="1532319" y="186220"/>
                  </a:cubicBezTo>
                  <a:cubicBezTo>
                    <a:pt x="1532319" y="180273"/>
                    <a:pt x="1530465" y="175812"/>
                    <a:pt x="1526386" y="171724"/>
                  </a:cubicBezTo>
                  <a:cubicBezTo>
                    <a:pt x="1521937" y="167635"/>
                    <a:pt x="1510813" y="161688"/>
                    <a:pt x="1493015" y="154254"/>
                  </a:cubicBezTo>
                  <a:cubicBezTo>
                    <a:pt x="1461127" y="141245"/>
                    <a:pt x="1440362" y="129722"/>
                    <a:pt x="1430351" y="120430"/>
                  </a:cubicBezTo>
                  <a:cubicBezTo>
                    <a:pt x="1418115" y="108535"/>
                    <a:pt x="1411440" y="92552"/>
                    <a:pt x="1411440" y="73596"/>
                  </a:cubicBezTo>
                  <a:cubicBezTo>
                    <a:pt x="1411440" y="49807"/>
                    <a:pt x="1420339" y="31223"/>
                    <a:pt x="1438879" y="18957"/>
                  </a:cubicBezTo>
                  <a:cubicBezTo>
                    <a:pt x="1456677" y="6319"/>
                    <a:pt x="1480779" y="0"/>
                    <a:pt x="1509330" y="0"/>
                  </a:cubicBezTo>
                  <a:close/>
                  <a:moveTo>
                    <a:pt x="97518" y="0"/>
                  </a:moveTo>
                  <a:cubicBezTo>
                    <a:pt x="113463" y="0"/>
                    <a:pt x="136823" y="2989"/>
                    <a:pt x="166857" y="8966"/>
                  </a:cubicBezTo>
                  <a:lnTo>
                    <a:pt x="166857" y="55661"/>
                  </a:lnTo>
                  <a:cubicBezTo>
                    <a:pt x="144609" y="46695"/>
                    <a:pt x="123845" y="42213"/>
                    <a:pt x="104564" y="42213"/>
                  </a:cubicBezTo>
                  <a:cubicBezTo>
                    <a:pt x="77496" y="42213"/>
                    <a:pt x="64147" y="49684"/>
                    <a:pt x="64147" y="64626"/>
                  </a:cubicBezTo>
                  <a:cubicBezTo>
                    <a:pt x="64147" y="70230"/>
                    <a:pt x="67113" y="74712"/>
                    <a:pt x="72675" y="78448"/>
                  </a:cubicBezTo>
                  <a:cubicBezTo>
                    <a:pt x="77125" y="81437"/>
                    <a:pt x="89732" y="87414"/>
                    <a:pt x="109755" y="97126"/>
                  </a:cubicBezTo>
                  <a:cubicBezTo>
                    <a:pt x="139789" y="110201"/>
                    <a:pt x="159441" y="121408"/>
                    <a:pt x="169082" y="131494"/>
                  </a:cubicBezTo>
                  <a:cubicBezTo>
                    <a:pt x="180947" y="142701"/>
                    <a:pt x="186509" y="158017"/>
                    <a:pt x="186509" y="176695"/>
                  </a:cubicBezTo>
                  <a:cubicBezTo>
                    <a:pt x="186509" y="203218"/>
                    <a:pt x="175014" y="223016"/>
                    <a:pt x="152025" y="237212"/>
                  </a:cubicBezTo>
                  <a:cubicBezTo>
                    <a:pt x="133856" y="248792"/>
                    <a:pt x="109384" y="254396"/>
                    <a:pt x="80462" y="254396"/>
                  </a:cubicBezTo>
                  <a:cubicBezTo>
                    <a:pt x="55619" y="253648"/>
                    <a:pt x="30405" y="250660"/>
                    <a:pt x="4820" y="244683"/>
                  </a:cubicBezTo>
                  <a:lnTo>
                    <a:pt x="4820" y="196494"/>
                  </a:lnTo>
                  <a:cubicBezTo>
                    <a:pt x="32259" y="205085"/>
                    <a:pt x="56731" y="209568"/>
                    <a:pt x="77496" y="209568"/>
                  </a:cubicBezTo>
                  <a:cubicBezTo>
                    <a:pt x="106047" y="209568"/>
                    <a:pt x="120878" y="202097"/>
                    <a:pt x="120878" y="186781"/>
                  </a:cubicBezTo>
                  <a:cubicBezTo>
                    <a:pt x="120878" y="180804"/>
                    <a:pt x="119025" y="176321"/>
                    <a:pt x="114204" y="172212"/>
                  </a:cubicBezTo>
                  <a:cubicBezTo>
                    <a:pt x="109755" y="168103"/>
                    <a:pt x="99002" y="162126"/>
                    <a:pt x="81574" y="154655"/>
                  </a:cubicBezTo>
                  <a:cubicBezTo>
                    <a:pt x="49686" y="141580"/>
                    <a:pt x="28922" y="130000"/>
                    <a:pt x="18910" y="120661"/>
                  </a:cubicBezTo>
                  <a:cubicBezTo>
                    <a:pt x="6303" y="107959"/>
                    <a:pt x="0" y="92643"/>
                    <a:pt x="0" y="73965"/>
                  </a:cubicBezTo>
                  <a:cubicBezTo>
                    <a:pt x="0" y="50057"/>
                    <a:pt x="8899" y="31379"/>
                    <a:pt x="27438" y="19052"/>
                  </a:cubicBezTo>
                  <a:cubicBezTo>
                    <a:pt x="45237" y="6351"/>
                    <a:pt x="68967" y="0"/>
                    <a:pt x="97518" y="0"/>
                  </a:cubicBezTo>
                  <a:close/>
                </a:path>
              </a:pathLst>
            </a:custGeom>
            <a:solidFill>
              <a:srgbClr val="009999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1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"/>
                <a:cs typeface=""/>
              </a:endParaRPr>
            </a:p>
          </p:txBody>
        </p:sp>
        <p:sp>
          <p:nvSpPr>
            <p:cNvPr id="498" name="Freihandform 497"/>
            <p:cNvSpPr>
              <a:spLocks noChangeAspect="1" noChangeArrowheads="1"/>
            </p:cNvSpPr>
            <p:nvPr/>
          </p:nvSpPr>
          <p:spPr bwMode="auto">
            <a:xfrm>
              <a:off x="6613648" y="2798826"/>
              <a:ext cx="2292197" cy="316855"/>
            </a:xfrm>
            <a:custGeom>
              <a:avLst/>
              <a:gdLst>
                <a:gd name="connsiteX0" fmla="*/ 561040 w 2292197"/>
                <a:gd name="connsiteY0" fmla="*/ 133276 h 316856"/>
                <a:gd name="connsiteX1" fmla="*/ 514756 w 2292197"/>
                <a:gd name="connsiteY1" fmla="*/ 208959 h 316856"/>
                <a:gd name="connsiteX2" fmla="*/ 553264 w 2292197"/>
                <a:gd name="connsiteY2" fmla="*/ 272711 h 316856"/>
                <a:gd name="connsiteX3" fmla="*/ 587329 w 2292197"/>
                <a:gd name="connsiteY3" fmla="*/ 241394 h 316856"/>
                <a:gd name="connsiteX4" fmla="*/ 587329 w 2292197"/>
                <a:gd name="connsiteY4" fmla="*/ 137750 h 316856"/>
                <a:gd name="connsiteX5" fmla="*/ 561040 w 2292197"/>
                <a:gd name="connsiteY5" fmla="*/ 133276 h 316856"/>
                <a:gd name="connsiteX6" fmla="*/ 1864005 w 2292197"/>
                <a:gd name="connsiteY6" fmla="*/ 131508 h 316856"/>
                <a:gd name="connsiteX7" fmla="*/ 1819277 w 2292197"/>
                <a:gd name="connsiteY7" fmla="*/ 188681 h 316856"/>
                <a:gd name="connsiteX8" fmla="*/ 1885623 w 2292197"/>
                <a:gd name="connsiteY8" fmla="*/ 152434 h 316856"/>
                <a:gd name="connsiteX9" fmla="*/ 1864005 w 2292197"/>
                <a:gd name="connsiteY9" fmla="*/ 131508 h 316856"/>
                <a:gd name="connsiteX10" fmla="*/ 1660732 w 2292197"/>
                <a:gd name="connsiteY10" fmla="*/ 131508 h 316856"/>
                <a:gd name="connsiteX11" fmla="*/ 1615632 w 2292197"/>
                <a:gd name="connsiteY11" fmla="*/ 188681 h 316856"/>
                <a:gd name="connsiteX12" fmla="*/ 1681977 w 2292197"/>
                <a:gd name="connsiteY12" fmla="*/ 152434 h 316856"/>
                <a:gd name="connsiteX13" fmla="*/ 1660732 w 2292197"/>
                <a:gd name="connsiteY13" fmla="*/ 131508 h 316856"/>
                <a:gd name="connsiteX14" fmla="*/ 351674 w 2292197"/>
                <a:gd name="connsiteY14" fmla="*/ 131508 h 316856"/>
                <a:gd name="connsiteX15" fmla="*/ 306574 w 2292197"/>
                <a:gd name="connsiteY15" fmla="*/ 188681 h 316856"/>
                <a:gd name="connsiteX16" fmla="*/ 372919 w 2292197"/>
                <a:gd name="connsiteY16" fmla="*/ 152434 h 316856"/>
                <a:gd name="connsiteX17" fmla="*/ 351674 w 2292197"/>
                <a:gd name="connsiteY17" fmla="*/ 131508 h 316856"/>
                <a:gd name="connsiteX18" fmla="*/ 1234395 w 2292197"/>
                <a:gd name="connsiteY18" fmla="*/ 96976 h 316856"/>
                <a:gd name="connsiteX19" fmla="*/ 1293037 w 2292197"/>
                <a:gd name="connsiteY19" fmla="*/ 96976 h 316856"/>
                <a:gd name="connsiteX20" fmla="*/ 1293037 w 2292197"/>
                <a:gd name="connsiteY20" fmla="*/ 310280 h 316856"/>
                <a:gd name="connsiteX21" fmla="*/ 1263529 w 2292197"/>
                <a:gd name="connsiteY21" fmla="*/ 310280 h 316856"/>
                <a:gd name="connsiteX22" fmla="*/ 1234395 w 2292197"/>
                <a:gd name="connsiteY22" fmla="*/ 310280 h 316856"/>
                <a:gd name="connsiteX23" fmla="*/ 2081174 w 2292197"/>
                <a:gd name="connsiteY23" fmla="*/ 90402 h 316856"/>
                <a:gd name="connsiteX24" fmla="*/ 2115969 w 2292197"/>
                <a:gd name="connsiteY24" fmla="*/ 97838 h 316856"/>
                <a:gd name="connsiteX25" fmla="*/ 2105604 w 2292197"/>
                <a:gd name="connsiteY25" fmla="*/ 148028 h 316856"/>
                <a:gd name="connsiteX26" fmla="*/ 2075991 w 2292197"/>
                <a:gd name="connsiteY26" fmla="*/ 140593 h 316856"/>
                <a:gd name="connsiteX27" fmla="*/ 2040826 w 2292197"/>
                <a:gd name="connsiteY27" fmla="*/ 176656 h 316856"/>
                <a:gd name="connsiteX28" fmla="*/ 2040826 w 2292197"/>
                <a:gd name="connsiteY28" fmla="*/ 308638 h 316856"/>
                <a:gd name="connsiteX29" fmla="*/ 1982710 w 2292197"/>
                <a:gd name="connsiteY29" fmla="*/ 308638 h 316856"/>
                <a:gd name="connsiteX30" fmla="*/ 1982710 w 2292197"/>
                <a:gd name="connsiteY30" fmla="*/ 133157 h 316856"/>
                <a:gd name="connsiteX31" fmla="*/ 1978638 w 2292197"/>
                <a:gd name="connsiteY31" fmla="*/ 96351 h 316856"/>
                <a:gd name="connsiteX32" fmla="*/ 2025649 w 2292197"/>
                <a:gd name="connsiteY32" fmla="*/ 96351 h 316856"/>
                <a:gd name="connsiteX33" fmla="*/ 2031202 w 2292197"/>
                <a:gd name="connsiteY33" fmla="*/ 126837 h 316856"/>
                <a:gd name="connsiteX34" fmla="*/ 2081174 w 2292197"/>
                <a:gd name="connsiteY34" fmla="*/ 90402 h 316856"/>
                <a:gd name="connsiteX35" fmla="*/ 1866986 w 2292197"/>
                <a:gd name="connsiteY35" fmla="*/ 90402 h 316856"/>
                <a:gd name="connsiteX36" fmla="*/ 1937059 w 2292197"/>
                <a:gd name="connsiteY36" fmla="*/ 152060 h 316856"/>
                <a:gd name="connsiteX37" fmla="*/ 1821141 w 2292197"/>
                <a:gd name="connsiteY37" fmla="*/ 230534 h 316856"/>
                <a:gd name="connsiteX38" fmla="*/ 1869595 w 2292197"/>
                <a:gd name="connsiteY38" fmla="*/ 272013 h 316856"/>
                <a:gd name="connsiteX39" fmla="*/ 1922150 w 2292197"/>
                <a:gd name="connsiteY39" fmla="*/ 254076 h 316856"/>
                <a:gd name="connsiteX40" fmla="*/ 1938923 w 2292197"/>
                <a:gd name="connsiteY40" fmla="*/ 293313 h 316856"/>
                <a:gd name="connsiteX41" fmla="*/ 1862141 w 2292197"/>
                <a:gd name="connsiteY41" fmla="*/ 316855 h 316856"/>
                <a:gd name="connsiteX42" fmla="*/ 1762250 w 2292197"/>
                <a:gd name="connsiteY42" fmla="*/ 208487 h 316856"/>
                <a:gd name="connsiteX43" fmla="*/ 1866986 w 2292197"/>
                <a:gd name="connsiteY43" fmla="*/ 90402 h 316856"/>
                <a:gd name="connsiteX44" fmla="*/ 1663713 w 2292197"/>
                <a:gd name="connsiteY44" fmla="*/ 90402 h 316856"/>
                <a:gd name="connsiteX45" fmla="*/ 1733413 w 2292197"/>
                <a:gd name="connsiteY45" fmla="*/ 152060 h 316856"/>
                <a:gd name="connsiteX46" fmla="*/ 1617868 w 2292197"/>
                <a:gd name="connsiteY46" fmla="*/ 230534 h 316856"/>
                <a:gd name="connsiteX47" fmla="*/ 1666322 w 2292197"/>
                <a:gd name="connsiteY47" fmla="*/ 272013 h 316856"/>
                <a:gd name="connsiteX48" fmla="*/ 1718504 w 2292197"/>
                <a:gd name="connsiteY48" fmla="*/ 254076 h 316856"/>
                <a:gd name="connsiteX49" fmla="*/ 1735650 w 2292197"/>
                <a:gd name="connsiteY49" fmla="*/ 293313 h 316856"/>
                <a:gd name="connsiteX50" fmla="*/ 1658495 w 2292197"/>
                <a:gd name="connsiteY50" fmla="*/ 316855 h 316856"/>
                <a:gd name="connsiteX51" fmla="*/ 1558977 w 2292197"/>
                <a:gd name="connsiteY51" fmla="*/ 208487 h 316856"/>
                <a:gd name="connsiteX52" fmla="*/ 1663713 w 2292197"/>
                <a:gd name="connsiteY52" fmla="*/ 90402 h 316856"/>
                <a:gd name="connsiteX53" fmla="*/ 1457145 w 2292197"/>
                <a:gd name="connsiteY53" fmla="*/ 90402 h 316856"/>
                <a:gd name="connsiteX54" fmla="*/ 1524180 w 2292197"/>
                <a:gd name="connsiteY54" fmla="*/ 164015 h 316856"/>
                <a:gd name="connsiteX55" fmla="*/ 1524180 w 2292197"/>
                <a:gd name="connsiteY55" fmla="*/ 308638 h 316856"/>
                <a:gd name="connsiteX56" fmla="*/ 1465710 w 2292197"/>
                <a:gd name="connsiteY56" fmla="*/ 308638 h 316856"/>
                <a:gd name="connsiteX57" fmla="*/ 1465710 w 2292197"/>
                <a:gd name="connsiteY57" fmla="*/ 174797 h 316856"/>
                <a:gd name="connsiteX58" fmla="*/ 1439641 w 2292197"/>
                <a:gd name="connsiteY58" fmla="*/ 134644 h 316856"/>
                <a:gd name="connsiteX59" fmla="*/ 1403516 w 2292197"/>
                <a:gd name="connsiteY59" fmla="*/ 172566 h 316856"/>
                <a:gd name="connsiteX60" fmla="*/ 1403516 w 2292197"/>
                <a:gd name="connsiteY60" fmla="*/ 308638 h 316856"/>
                <a:gd name="connsiteX61" fmla="*/ 1345047 w 2292197"/>
                <a:gd name="connsiteY61" fmla="*/ 308638 h 316856"/>
                <a:gd name="connsiteX62" fmla="*/ 1345047 w 2292197"/>
                <a:gd name="connsiteY62" fmla="*/ 135760 h 316856"/>
                <a:gd name="connsiteX63" fmla="*/ 1340950 w 2292197"/>
                <a:gd name="connsiteY63" fmla="*/ 96351 h 316856"/>
                <a:gd name="connsiteX64" fmla="*/ 1389737 w 2292197"/>
                <a:gd name="connsiteY64" fmla="*/ 96351 h 316856"/>
                <a:gd name="connsiteX65" fmla="*/ 1393834 w 2292197"/>
                <a:gd name="connsiteY65" fmla="*/ 121632 h 316856"/>
                <a:gd name="connsiteX66" fmla="*/ 1457145 w 2292197"/>
                <a:gd name="connsiteY66" fmla="*/ 90402 h 316856"/>
                <a:gd name="connsiteX67" fmla="*/ 568075 w 2292197"/>
                <a:gd name="connsiteY67" fmla="*/ 90402 h 316856"/>
                <a:gd name="connsiteX68" fmla="*/ 644721 w 2292197"/>
                <a:gd name="connsiteY68" fmla="*/ 105688 h 316856"/>
                <a:gd name="connsiteX69" fmla="*/ 644721 w 2292197"/>
                <a:gd name="connsiteY69" fmla="*/ 266746 h 316856"/>
                <a:gd name="connsiteX70" fmla="*/ 648794 w 2292197"/>
                <a:gd name="connsiteY70" fmla="*/ 309247 h 316856"/>
                <a:gd name="connsiteX71" fmla="*/ 599178 w 2292197"/>
                <a:gd name="connsiteY71" fmla="*/ 309247 h 316856"/>
                <a:gd name="connsiteX72" fmla="*/ 596215 w 2292197"/>
                <a:gd name="connsiteY72" fmla="*/ 287624 h 316856"/>
                <a:gd name="connsiteX73" fmla="*/ 594364 w 2292197"/>
                <a:gd name="connsiteY73" fmla="*/ 287251 h 316856"/>
                <a:gd name="connsiteX74" fmla="*/ 538083 w 2292197"/>
                <a:gd name="connsiteY74" fmla="*/ 315212 h 316856"/>
                <a:gd name="connsiteX75" fmla="*/ 457365 w 2292197"/>
                <a:gd name="connsiteY75" fmla="*/ 212314 h 316856"/>
                <a:gd name="connsiteX76" fmla="*/ 568075 w 2292197"/>
                <a:gd name="connsiteY76" fmla="*/ 90402 h 316856"/>
                <a:gd name="connsiteX77" fmla="*/ 353910 w 2292197"/>
                <a:gd name="connsiteY77" fmla="*/ 90402 h 316856"/>
                <a:gd name="connsiteX78" fmla="*/ 423983 w 2292197"/>
                <a:gd name="connsiteY78" fmla="*/ 152060 h 316856"/>
                <a:gd name="connsiteX79" fmla="*/ 308065 w 2292197"/>
                <a:gd name="connsiteY79" fmla="*/ 230534 h 316856"/>
                <a:gd name="connsiteX80" fmla="*/ 356519 w 2292197"/>
                <a:gd name="connsiteY80" fmla="*/ 272013 h 316856"/>
                <a:gd name="connsiteX81" fmla="*/ 409073 w 2292197"/>
                <a:gd name="connsiteY81" fmla="*/ 254076 h 316856"/>
                <a:gd name="connsiteX82" fmla="*/ 425846 w 2292197"/>
                <a:gd name="connsiteY82" fmla="*/ 293313 h 316856"/>
                <a:gd name="connsiteX83" fmla="*/ 349065 w 2292197"/>
                <a:gd name="connsiteY83" fmla="*/ 316855 h 316856"/>
                <a:gd name="connsiteX84" fmla="*/ 249174 w 2292197"/>
                <a:gd name="connsiteY84" fmla="*/ 208487 h 316856"/>
                <a:gd name="connsiteX85" fmla="*/ 353910 w 2292197"/>
                <a:gd name="connsiteY85" fmla="*/ 90402 h 316856"/>
                <a:gd name="connsiteX86" fmla="*/ 2208041 w 2292197"/>
                <a:gd name="connsiteY86" fmla="*/ 90249 h 316856"/>
                <a:gd name="connsiteX87" fmla="*/ 2277182 w 2292197"/>
                <a:gd name="connsiteY87" fmla="*/ 108139 h 316856"/>
                <a:gd name="connsiteX88" fmla="*/ 2277182 w 2292197"/>
                <a:gd name="connsiteY88" fmla="*/ 108512 h 316856"/>
                <a:gd name="connsiteX89" fmla="*/ 2259711 w 2292197"/>
                <a:gd name="connsiteY89" fmla="*/ 148764 h 316856"/>
                <a:gd name="connsiteX90" fmla="*/ 2213245 w 2292197"/>
                <a:gd name="connsiteY90" fmla="*/ 131620 h 316856"/>
                <a:gd name="connsiteX91" fmla="*/ 2189455 w 2292197"/>
                <a:gd name="connsiteY91" fmla="*/ 152119 h 316856"/>
                <a:gd name="connsiteX92" fmla="*/ 2224025 w 2292197"/>
                <a:gd name="connsiteY92" fmla="*/ 177836 h 316856"/>
                <a:gd name="connsiteX93" fmla="*/ 2292050 w 2292197"/>
                <a:gd name="connsiteY93" fmla="*/ 238960 h 316856"/>
                <a:gd name="connsiteX94" fmla="*/ 2214360 w 2292197"/>
                <a:gd name="connsiteY94" fmla="*/ 314993 h 316856"/>
                <a:gd name="connsiteX95" fmla="*/ 2133325 w 2292197"/>
                <a:gd name="connsiteY95" fmla="*/ 297103 h 316856"/>
                <a:gd name="connsiteX96" fmla="*/ 2150796 w 2292197"/>
                <a:gd name="connsiteY96" fmla="*/ 257223 h 316856"/>
                <a:gd name="connsiteX97" fmla="*/ 2208784 w 2292197"/>
                <a:gd name="connsiteY97" fmla="*/ 272504 h 316856"/>
                <a:gd name="connsiteX98" fmla="*/ 2234433 w 2292197"/>
                <a:gd name="connsiteY98" fmla="*/ 249023 h 316856"/>
                <a:gd name="connsiteX99" fmla="*/ 2199863 w 2292197"/>
                <a:gd name="connsiteY99" fmla="*/ 224424 h 316856"/>
                <a:gd name="connsiteX100" fmla="*/ 2133325 w 2292197"/>
                <a:gd name="connsiteY100" fmla="*/ 162555 h 316856"/>
                <a:gd name="connsiteX101" fmla="*/ 2208041 w 2292197"/>
                <a:gd name="connsiteY101" fmla="*/ 90249 h 316856"/>
                <a:gd name="connsiteX102" fmla="*/ 1004892 w 2292197"/>
                <a:gd name="connsiteY102" fmla="*/ 31230 h 316856"/>
                <a:gd name="connsiteX103" fmla="*/ 1063095 w 2292197"/>
                <a:gd name="connsiteY103" fmla="*/ 31230 h 316856"/>
                <a:gd name="connsiteX104" fmla="*/ 1063095 w 2292197"/>
                <a:gd name="connsiteY104" fmla="*/ 112822 h 316856"/>
                <a:gd name="connsiteX105" fmla="*/ 1115736 w 2292197"/>
                <a:gd name="connsiteY105" fmla="*/ 90841 h 316856"/>
                <a:gd name="connsiteX106" fmla="*/ 1183207 w 2292197"/>
                <a:gd name="connsiteY106" fmla="*/ 165727 h 316856"/>
                <a:gd name="connsiteX107" fmla="*/ 1183207 w 2292197"/>
                <a:gd name="connsiteY107" fmla="*/ 310283 h 316856"/>
                <a:gd name="connsiteX108" fmla="*/ 1125004 w 2292197"/>
                <a:gd name="connsiteY108" fmla="*/ 310283 h 316856"/>
                <a:gd name="connsiteX109" fmla="*/ 1125004 w 2292197"/>
                <a:gd name="connsiteY109" fmla="*/ 174668 h 316856"/>
                <a:gd name="connsiteX110" fmla="*/ 1098313 w 2292197"/>
                <a:gd name="connsiteY110" fmla="*/ 136294 h 316856"/>
                <a:gd name="connsiteX111" fmla="*/ 1062353 w 2292197"/>
                <a:gd name="connsiteY111" fmla="*/ 173178 h 316856"/>
                <a:gd name="connsiteX112" fmla="*/ 1062353 w 2292197"/>
                <a:gd name="connsiteY112" fmla="*/ 310283 h 316856"/>
                <a:gd name="connsiteX113" fmla="*/ 1004892 w 2292197"/>
                <a:gd name="connsiteY113" fmla="*/ 310283 h 316856"/>
                <a:gd name="connsiteX114" fmla="*/ 842391 w 2292197"/>
                <a:gd name="connsiteY114" fmla="*/ 31230 h 316856"/>
                <a:gd name="connsiteX115" fmla="*/ 900136 w 2292197"/>
                <a:gd name="connsiteY115" fmla="*/ 31230 h 316856"/>
                <a:gd name="connsiteX116" fmla="*/ 900136 w 2292197"/>
                <a:gd name="connsiteY116" fmla="*/ 97603 h 316856"/>
                <a:gd name="connsiteX117" fmla="*/ 954920 w 2292197"/>
                <a:gd name="connsiteY117" fmla="*/ 97603 h 316856"/>
                <a:gd name="connsiteX118" fmla="*/ 954920 w 2292197"/>
                <a:gd name="connsiteY118" fmla="*/ 143467 h 316856"/>
                <a:gd name="connsiteX119" fmla="*/ 900877 w 2292197"/>
                <a:gd name="connsiteY119" fmla="*/ 143467 h 316856"/>
                <a:gd name="connsiteX120" fmla="*/ 900877 w 2292197"/>
                <a:gd name="connsiteY120" fmla="*/ 238551 h 316856"/>
                <a:gd name="connsiteX121" fmla="*/ 921236 w 2292197"/>
                <a:gd name="connsiteY121" fmla="*/ 270992 h 316856"/>
                <a:gd name="connsiteX122" fmla="*/ 946407 w 2292197"/>
                <a:gd name="connsiteY122" fmla="*/ 264653 h 316856"/>
                <a:gd name="connsiteX123" fmla="*/ 958622 w 2292197"/>
                <a:gd name="connsiteY123" fmla="*/ 303433 h 316856"/>
                <a:gd name="connsiteX124" fmla="*/ 905689 w 2292197"/>
                <a:gd name="connsiteY124" fmla="*/ 316856 h 316856"/>
                <a:gd name="connsiteX125" fmla="*/ 842391 w 2292197"/>
                <a:gd name="connsiteY125" fmla="*/ 247128 h 316856"/>
                <a:gd name="connsiteX126" fmla="*/ 842391 w 2292197"/>
                <a:gd name="connsiteY126" fmla="*/ 143467 h 316856"/>
                <a:gd name="connsiteX127" fmla="*/ 809816 w 2292197"/>
                <a:gd name="connsiteY127" fmla="*/ 143467 h 316856"/>
                <a:gd name="connsiteX128" fmla="*/ 809816 w 2292197"/>
                <a:gd name="connsiteY128" fmla="*/ 97603 h 316856"/>
                <a:gd name="connsiteX129" fmla="*/ 842391 w 2292197"/>
                <a:gd name="connsiteY129" fmla="*/ 97603 h 316856"/>
                <a:gd name="connsiteX130" fmla="*/ 698343 w 2292197"/>
                <a:gd name="connsiteY130" fmla="*/ 31230 h 316856"/>
                <a:gd name="connsiteX131" fmla="*/ 756722 w 2292197"/>
                <a:gd name="connsiteY131" fmla="*/ 31230 h 316856"/>
                <a:gd name="connsiteX132" fmla="*/ 756722 w 2292197"/>
                <a:gd name="connsiteY132" fmla="*/ 238449 h 316856"/>
                <a:gd name="connsiteX133" fmla="*/ 777045 w 2292197"/>
                <a:gd name="connsiteY133" fmla="*/ 270932 h 316856"/>
                <a:gd name="connsiteX134" fmla="*/ 802170 w 2292197"/>
                <a:gd name="connsiteY134" fmla="*/ 264584 h 316856"/>
                <a:gd name="connsiteX135" fmla="*/ 814364 w 2292197"/>
                <a:gd name="connsiteY135" fmla="*/ 303415 h 316856"/>
                <a:gd name="connsiteX136" fmla="*/ 761895 w 2292197"/>
                <a:gd name="connsiteY136" fmla="*/ 316856 h 316856"/>
                <a:gd name="connsiteX137" fmla="*/ 698343 w 2292197"/>
                <a:gd name="connsiteY137" fmla="*/ 247036 h 316856"/>
                <a:gd name="connsiteX138" fmla="*/ 0 w 2292197"/>
                <a:gd name="connsiteY138" fmla="*/ 31230 h 316856"/>
                <a:gd name="connsiteX139" fmla="*/ 59654 w 2292197"/>
                <a:gd name="connsiteY139" fmla="*/ 31230 h 316856"/>
                <a:gd name="connsiteX140" fmla="*/ 59654 w 2292197"/>
                <a:gd name="connsiteY140" fmla="*/ 142255 h 316856"/>
                <a:gd name="connsiteX141" fmla="*/ 145779 w 2292197"/>
                <a:gd name="connsiteY141" fmla="*/ 142255 h 316856"/>
                <a:gd name="connsiteX142" fmla="*/ 145779 w 2292197"/>
                <a:gd name="connsiteY142" fmla="*/ 31230 h 316856"/>
                <a:gd name="connsiteX143" fmla="*/ 206179 w 2292197"/>
                <a:gd name="connsiteY143" fmla="*/ 31230 h 316856"/>
                <a:gd name="connsiteX144" fmla="*/ 206179 w 2292197"/>
                <a:gd name="connsiteY144" fmla="*/ 310283 h 316856"/>
                <a:gd name="connsiteX145" fmla="*/ 145779 w 2292197"/>
                <a:gd name="connsiteY145" fmla="*/ 310283 h 316856"/>
                <a:gd name="connsiteX146" fmla="*/ 145779 w 2292197"/>
                <a:gd name="connsiteY146" fmla="*/ 194787 h 316856"/>
                <a:gd name="connsiteX147" fmla="*/ 59654 w 2292197"/>
                <a:gd name="connsiteY147" fmla="*/ 194787 h 316856"/>
                <a:gd name="connsiteX148" fmla="*/ 59654 w 2292197"/>
                <a:gd name="connsiteY148" fmla="*/ 310283 h 316856"/>
                <a:gd name="connsiteX149" fmla="*/ 0 w 2292197"/>
                <a:gd name="connsiteY149" fmla="*/ 310283 h 316856"/>
                <a:gd name="connsiteX150" fmla="*/ 1262898 w 2292197"/>
                <a:gd name="connsiteY150" fmla="*/ 0 h 316856"/>
                <a:gd name="connsiteX151" fmla="*/ 1294680 w 2292197"/>
                <a:gd name="connsiteY151" fmla="*/ 30408 h 316856"/>
                <a:gd name="connsiteX152" fmla="*/ 1262898 w 2292197"/>
                <a:gd name="connsiteY152" fmla="*/ 60442 h 316856"/>
                <a:gd name="connsiteX153" fmla="*/ 1231116 w 2292197"/>
                <a:gd name="connsiteY153" fmla="*/ 30408 h 316856"/>
                <a:gd name="connsiteX154" fmla="*/ 1262898 w 2292197"/>
                <a:gd name="connsiteY154" fmla="*/ 0 h 31685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2292197" h="316856">
                  <a:moveTo>
                    <a:pt x="561040" y="133276"/>
                  </a:moveTo>
                  <a:cubicBezTo>
                    <a:pt x="526975" y="133276"/>
                    <a:pt x="514756" y="167576"/>
                    <a:pt x="514756" y="208959"/>
                  </a:cubicBezTo>
                  <a:cubicBezTo>
                    <a:pt x="514756" y="242885"/>
                    <a:pt x="522532" y="272711"/>
                    <a:pt x="553264" y="272711"/>
                  </a:cubicBezTo>
                  <a:cubicBezTo>
                    <a:pt x="575110" y="272711"/>
                    <a:pt x="587329" y="256680"/>
                    <a:pt x="587329" y="241394"/>
                  </a:cubicBezTo>
                  <a:lnTo>
                    <a:pt x="587329" y="137750"/>
                  </a:lnTo>
                  <a:cubicBezTo>
                    <a:pt x="581775" y="135140"/>
                    <a:pt x="572148" y="133276"/>
                    <a:pt x="561040" y="133276"/>
                  </a:cubicBezTo>
                  <a:close/>
                  <a:moveTo>
                    <a:pt x="1864005" y="131508"/>
                  </a:moveTo>
                  <a:cubicBezTo>
                    <a:pt x="1835677" y="131508"/>
                    <a:pt x="1820768" y="159908"/>
                    <a:pt x="1819277" y="188681"/>
                  </a:cubicBezTo>
                  <a:cubicBezTo>
                    <a:pt x="1846486" y="187934"/>
                    <a:pt x="1885623" y="181208"/>
                    <a:pt x="1885623" y="152434"/>
                  </a:cubicBezTo>
                  <a:cubicBezTo>
                    <a:pt x="1885623" y="139355"/>
                    <a:pt x="1877795" y="131508"/>
                    <a:pt x="1864005" y="131508"/>
                  </a:cubicBezTo>
                  <a:close/>
                  <a:moveTo>
                    <a:pt x="1660732" y="131508"/>
                  </a:moveTo>
                  <a:cubicBezTo>
                    <a:pt x="1632032" y="131508"/>
                    <a:pt x="1617123" y="159908"/>
                    <a:pt x="1615632" y="188681"/>
                  </a:cubicBezTo>
                  <a:cubicBezTo>
                    <a:pt x="1643213" y="187934"/>
                    <a:pt x="1681977" y="181208"/>
                    <a:pt x="1681977" y="152434"/>
                  </a:cubicBezTo>
                  <a:cubicBezTo>
                    <a:pt x="1681977" y="139355"/>
                    <a:pt x="1673777" y="131508"/>
                    <a:pt x="1660732" y="131508"/>
                  </a:cubicBezTo>
                  <a:close/>
                  <a:moveTo>
                    <a:pt x="351674" y="131508"/>
                  </a:moveTo>
                  <a:cubicBezTo>
                    <a:pt x="322974" y="131508"/>
                    <a:pt x="308065" y="159908"/>
                    <a:pt x="306574" y="188681"/>
                  </a:cubicBezTo>
                  <a:cubicBezTo>
                    <a:pt x="334155" y="187934"/>
                    <a:pt x="372919" y="181208"/>
                    <a:pt x="372919" y="152434"/>
                  </a:cubicBezTo>
                  <a:cubicBezTo>
                    <a:pt x="372919" y="139355"/>
                    <a:pt x="364719" y="131508"/>
                    <a:pt x="351674" y="131508"/>
                  </a:cubicBezTo>
                  <a:close/>
                  <a:moveTo>
                    <a:pt x="1234395" y="96976"/>
                  </a:moveTo>
                  <a:lnTo>
                    <a:pt x="1293037" y="96976"/>
                  </a:lnTo>
                  <a:lnTo>
                    <a:pt x="1293037" y="310280"/>
                  </a:lnTo>
                  <a:lnTo>
                    <a:pt x="1263529" y="310280"/>
                  </a:lnTo>
                  <a:lnTo>
                    <a:pt x="1234395" y="310280"/>
                  </a:lnTo>
                  <a:close/>
                  <a:moveTo>
                    <a:pt x="2081174" y="90402"/>
                  </a:moveTo>
                  <a:cubicBezTo>
                    <a:pt x="2093389" y="90402"/>
                    <a:pt x="2105975" y="92261"/>
                    <a:pt x="2115969" y="97838"/>
                  </a:cubicBezTo>
                  <a:lnTo>
                    <a:pt x="2105604" y="148028"/>
                  </a:lnTo>
                  <a:cubicBezTo>
                    <a:pt x="2096721" y="143567"/>
                    <a:pt x="2086726" y="140593"/>
                    <a:pt x="2075991" y="140593"/>
                  </a:cubicBezTo>
                  <a:cubicBezTo>
                    <a:pt x="2054892" y="140593"/>
                    <a:pt x="2041566" y="154720"/>
                    <a:pt x="2040826" y="176656"/>
                  </a:cubicBezTo>
                  <a:lnTo>
                    <a:pt x="2040826" y="308638"/>
                  </a:lnTo>
                  <a:lnTo>
                    <a:pt x="1982710" y="308638"/>
                  </a:lnTo>
                  <a:lnTo>
                    <a:pt x="1982710" y="133157"/>
                  </a:lnTo>
                  <a:lnTo>
                    <a:pt x="1978638" y="96351"/>
                  </a:lnTo>
                  <a:lnTo>
                    <a:pt x="2025649" y="96351"/>
                  </a:lnTo>
                  <a:lnTo>
                    <a:pt x="2031202" y="126837"/>
                  </a:lnTo>
                  <a:cubicBezTo>
                    <a:pt x="2041196" y="102299"/>
                    <a:pt x="2061555" y="90402"/>
                    <a:pt x="2081174" y="90402"/>
                  </a:cubicBezTo>
                  <a:close/>
                  <a:moveTo>
                    <a:pt x="1866986" y="90402"/>
                  </a:moveTo>
                  <a:cubicBezTo>
                    <a:pt x="1909477" y="90402"/>
                    <a:pt x="1937059" y="111702"/>
                    <a:pt x="1937059" y="152060"/>
                  </a:cubicBezTo>
                  <a:cubicBezTo>
                    <a:pt x="1937059" y="215213"/>
                    <a:pt x="1872577" y="227545"/>
                    <a:pt x="1821141" y="230534"/>
                  </a:cubicBezTo>
                  <a:cubicBezTo>
                    <a:pt x="1824123" y="250713"/>
                    <a:pt x="1837541" y="272013"/>
                    <a:pt x="1869595" y="272013"/>
                  </a:cubicBezTo>
                  <a:cubicBezTo>
                    <a:pt x="1891959" y="272013"/>
                    <a:pt x="1910223" y="262297"/>
                    <a:pt x="1922150" y="254076"/>
                  </a:cubicBezTo>
                  <a:lnTo>
                    <a:pt x="1938923" y="293313"/>
                  </a:lnTo>
                  <a:cubicBezTo>
                    <a:pt x="1934077" y="297050"/>
                    <a:pt x="1904632" y="316855"/>
                    <a:pt x="1862141" y="316855"/>
                  </a:cubicBezTo>
                  <a:cubicBezTo>
                    <a:pt x="1790577" y="316855"/>
                    <a:pt x="1762250" y="271640"/>
                    <a:pt x="1762250" y="208487"/>
                  </a:cubicBezTo>
                  <a:cubicBezTo>
                    <a:pt x="1762250" y="146829"/>
                    <a:pt x="1798405" y="90402"/>
                    <a:pt x="1866986" y="90402"/>
                  </a:cubicBezTo>
                  <a:close/>
                  <a:moveTo>
                    <a:pt x="1663713" y="90402"/>
                  </a:moveTo>
                  <a:cubicBezTo>
                    <a:pt x="1706204" y="90402"/>
                    <a:pt x="1733413" y="111702"/>
                    <a:pt x="1733413" y="152060"/>
                  </a:cubicBezTo>
                  <a:cubicBezTo>
                    <a:pt x="1733413" y="215213"/>
                    <a:pt x="1669304" y="227545"/>
                    <a:pt x="1617868" y="230534"/>
                  </a:cubicBezTo>
                  <a:cubicBezTo>
                    <a:pt x="1620850" y="250713"/>
                    <a:pt x="1634268" y="272013"/>
                    <a:pt x="1666322" y="272013"/>
                  </a:cubicBezTo>
                  <a:cubicBezTo>
                    <a:pt x="1688686" y="272013"/>
                    <a:pt x="1706577" y="262297"/>
                    <a:pt x="1718504" y="254076"/>
                  </a:cubicBezTo>
                  <a:lnTo>
                    <a:pt x="1735650" y="293313"/>
                  </a:lnTo>
                  <a:cubicBezTo>
                    <a:pt x="1730431" y="297050"/>
                    <a:pt x="1700986" y="316855"/>
                    <a:pt x="1658495" y="316855"/>
                  </a:cubicBezTo>
                  <a:cubicBezTo>
                    <a:pt x="1587304" y="316855"/>
                    <a:pt x="1558977" y="271640"/>
                    <a:pt x="1558977" y="208487"/>
                  </a:cubicBezTo>
                  <a:cubicBezTo>
                    <a:pt x="1558977" y="146829"/>
                    <a:pt x="1594759" y="90402"/>
                    <a:pt x="1663713" y="90402"/>
                  </a:cubicBezTo>
                  <a:close/>
                  <a:moveTo>
                    <a:pt x="1457145" y="90402"/>
                  </a:moveTo>
                  <a:cubicBezTo>
                    <a:pt x="1498483" y="90402"/>
                    <a:pt x="1524180" y="113824"/>
                    <a:pt x="1524180" y="164015"/>
                  </a:cubicBezTo>
                  <a:lnTo>
                    <a:pt x="1524180" y="308638"/>
                  </a:lnTo>
                  <a:lnTo>
                    <a:pt x="1465710" y="308638"/>
                  </a:lnTo>
                  <a:lnTo>
                    <a:pt x="1465710" y="174797"/>
                  </a:lnTo>
                  <a:cubicBezTo>
                    <a:pt x="1465710" y="152118"/>
                    <a:pt x="1462358" y="134644"/>
                    <a:pt x="1439641" y="134644"/>
                  </a:cubicBezTo>
                  <a:cubicBezTo>
                    <a:pt x="1417668" y="134644"/>
                    <a:pt x="1403516" y="152490"/>
                    <a:pt x="1403516" y="172566"/>
                  </a:cubicBezTo>
                  <a:lnTo>
                    <a:pt x="1403516" y="308638"/>
                  </a:lnTo>
                  <a:lnTo>
                    <a:pt x="1345047" y="308638"/>
                  </a:lnTo>
                  <a:lnTo>
                    <a:pt x="1345047" y="135760"/>
                  </a:lnTo>
                  <a:lnTo>
                    <a:pt x="1340950" y="96351"/>
                  </a:lnTo>
                  <a:lnTo>
                    <a:pt x="1389737" y="96351"/>
                  </a:lnTo>
                  <a:lnTo>
                    <a:pt x="1393834" y="121632"/>
                  </a:lnTo>
                  <a:cubicBezTo>
                    <a:pt x="1407985" y="102299"/>
                    <a:pt x="1429213" y="90402"/>
                    <a:pt x="1457145" y="90402"/>
                  </a:cubicBezTo>
                  <a:close/>
                  <a:moveTo>
                    <a:pt x="568075" y="90402"/>
                  </a:moveTo>
                  <a:cubicBezTo>
                    <a:pt x="582516" y="90402"/>
                    <a:pt x="613248" y="93758"/>
                    <a:pt x="644721" y="105688"/>
                  </a:cubicBezTo>
                  <a:lnTo>
                    <a:pt x="644721" y="266746"/>
                  </a:lnTo>
                  <a:lnTo>
                    <a:pt x="648794" y="309247"/>
                  </a:lnTo>
                  <a:lnTo>
                    <a:pt x="599178" y="309247"/>
                  </a:lnTo>
                  <a:lnTo>
                    <a:pt x="596215" y="287624"/>
                  </a:lnTo>
                  <a:lnTo>
                    <a:pt x="594364" y="287251"/>
                  </a:lnTo>
                  <a:cubicBezTo>
                    <a:pt x="581775" y="306637"/>
                    <a:pt x="560670" y="315212"/>
                    <a:pt x="538083" y="315212"/>
                  </a:cubicBezTo>
                  <a:cubicBezTo>
                    <a:pt x="477730" y="315212"/>
                    <a:pt x="457365" y="269356"/>
                    <a:pt x="457365" y="212314"/>
                  </a:cubicBezTo>
                  <a:cubicBezTo>
                    <a:pt x="457365" y="138869"/>
                    <a:pt x="494021" y="90402"/>
                    <a:pt x="568075" y="90402"/>
                  </a:cubicBezTo>
                  <a:close/>
                  <a:moveTo>
                    <a:pt x="353910" y="90402"/>
                  </a:moveTo>
                  <a:cubicBezTo>
                    <a:pt x="396401" y="90402"/>
                    <a:pt x="423983" y="111702"/>
                    <a:pt x="423983" y="152060"/>
                  </a:cubicBezTo>
                  <a:cubicBezTo>
                    <a:pt x="423983" y="215213"/>
                    <a:pt x="360246" y="227545"/>
                    <a:pt x="308065" y="230534"/>
                  </a:cubicBezTo>
                  <a:cubicBezTo>
                    <a:pt x="311046" y="250713"/>
                    <a:pt x="324465" y="272013"/>
                    <a:pt x="356519" y="272013"/>
                  </a:cubicBezTo>
                  <a:cubicBezTo>
                    <a:pt x="378883" y="272013"/>
                    <a:pt x="397146" y="262297"/>
                    <a:pt x="409073" y="254076"/>
                  </a:cubicBezTo>
                  <a:lnTo>
                    <a:pt x="425846" y="293313"/>
                  </a:lnTo>
                  <a:cubicBezTo>
                    <a:pt x="421001" y="297050"/>
                    <a:pt x="391555" y="316855"/>
                    <a:pt x="349065" y="316855"/>
                  </a:cubicBezTo>
                  <a:cubicBezTo>
                    <a:pt x="277501" y="316855"/>
                    <a:pt x="249174" y="271640"/>
                    <a:pt x="249174" y="208487"/>
                  </a:cubicBezTo>
                  <a:cubicBezTo>
                    <a:pt x="249174" y="146829"/>
                    <a:pt x="285328" y="90402"/>
                    <a:pt x="353910" y="90402"/>
                  </a:cubicBezTo>
                  <a:close/>
                  <a:moveTo>
                    <a:pt x="2208041" y="90249"/>
                  </a:moveTo>
                  <a:cubicBezTo>
                    <a:pt x="2234433" y="88758"/>
                    <a:pt x="2258595" y="96212"/>
                    <a:pt x="2277182" y="108139"/>
                  </a:cubicBezTo>
                  <a:lnTo>
                    <a:pt x="2277182" y="108512"/>
                  </a:lnTo>
                  <a:lnTo>
                    <a:pt x="2259711" y="148764"/>
                  </a:lnTo>
                  <a:cubicBezTo>
                    <a:pt x="2243355" y="137210"/>
                    <a:pt x="2227742" y="131247"/>
                    <a:pt x="2213245" y="131620"/>
                  </a:cubicBezTo>
                  <a:cubicBezTo>
                    <a:pt x="2199863" y="131992"/>
                    <a:pt x="2189083" y="137956"/>
                    <a:pt x="2189455" y="152119"/>
                  </a:cubicBezTo>
                  <a:cubicBezTo>
                    <a:pt x="2190570" y="168518"/>
                    <a:pt x="2205067" y="172618"/>
                    <a:pt x="2224025" y="177836"/>
                  </a:cubicBezTo>
                  <a:cubicBezTo>
                    <a:pt x="2254878" y="185663"/>
                    <a:pt x="2289448" y="194980"/>
                    <a:pt x="2292050" y="238960"/>
                  </a:cubicBezTo>
                  <a:cubicBezTo>
                    <a:pt x="2294653" y="287040"/>
                    <a:pt x="2262684" y="312384"/>
                    <a:pt x="2214360" y="314993"/>
                  </a:cubicBezTo>
                  <a:cubicBezTo>
                    <a:pt x="2177188" y="316856"/>
                    <a:pt x="2145591" y="304930"/>
                    <a:pt x="2133325" y="297103"/>
                  </a:cubicBezTo>
                  <a:lnTo>
                    <a:pt x="2150796" y="257223"/>
                  </a:lnTo>
                  <a:cubicBezTo>
                    <a:pt x="2166036" y="265050"/>
                    <a:pt x="2189827" y="273622"/>
                    <a:pt x="2208784" y="272504"/>
                  </a:cubicBezTo>
                  <a:cubicBezTo>
                    <a:pt x="2224397" y="272131"/>
                    <a:pt x="2235177" y="265050"/>
                    <a:pt x="2234433" y="249023"/>
                  </a:cubicBezTo>
                  <a:cubicBezTo>
                    <a:pt x="2233318" y="232624"/>
                    <a:pt x="2218449" y="229270"/>
                    <a:pt x="2199863" y="224424"/>
                  </a:cubicBezTo>
                  <a:cubicBezTo>
                    <a:pt x="2167895" y="216970"/>
                    <a:pt x="2135927" y="206534"/>
                    <a:pt x="2133325" y="162555"/>
                  </a:cubicBezTo>
                  <a:cubicBezTo>
                    <a:pt x="2131094" y="118202"/>
                    <a:pt x="2164549" y="92858"/>
                    <a:pt x="2208041" y="90249"/>
                  </a:cubicBezTo>
                  <a:close/>
                  <a:moveTo>
                    <a:pt x="1004892" y="31230"/>
                  </a:moveTo>
                  <a:lnTo>
                    <a:pt x="1063095" y="31230"/>
                  </a:lnTo>
                  <a:lnTo>
                    <a:pt x="1063095" y="112822"/>
                  </a:lnTo>
                  <a:cubicBezTo>
                    <a:pt x="1076440" y="98665"/>
                    <a:pt x="1095347" y="90841"/>
                    <a:pt x="1115736" y="90841"/>
                  </a:cubicBezTo>
                  <a:cubicBezTo>
                    <a:pt x="1159481" y="90841"/>
                    <a:pt x="1183207" y="115803"/>
                    <a:pt x="1183207" y="165727"/>
                  </a:cubicBezTo>
                  <a:lnTo>
                    <a:pt x="1183207" y="310283"/>
                  </a:lnTo>
                  <a:lnTo>
                    <a:pt x="1125004" y="310283"/>
                  </a:lnTo>
                  <a:lnTo>
                    <a:pt x="1125004" y="174668"/>
                  </a:lnTo>
                  <a:cubicBezTo>
                    <a:pt x="1125004" y="153432"/>
                    <a:pt x="1120556" y="136294"/>
                    <a:pt x="1098313" y="136294"/>
                  </a:cubicBezTo>
                  <a:cubicBezTo>
                    <a:pt x="1076811" y="136294"/>
                    <a:pt x="1062353" y="153432"/>
                    <a:pt x="1062353" y="173178"/>
                  </a:cubicBezTo>
                  <a:lnTo>
                    <a:pt x="1062353" y="310283"/>
                  </a:lnTo>
                  <a:lnTo>
                    <a:pt x="1004892" y="310283"/>
                  </a:lnTo>
                  <a:close/>
                  <a:moveTo>
                    <a:pt x="842391" y="31230"/>
                  </a:moveTo>
                  <a:lnTo>
                    <a:pt x="900136" y="31230"/>
                  </a:lnTo>
                  <a:lnTo>
                    <a:pt x="900136" y="97603"/>
                  </a:lnTo>
                  <a:lnTo>
                    <a:pt x="954920" y="97603"/>
                  </a:lnTo>
                  <a:lnTo>
                    <a:pt x="954920" y="143467"/>
                  </a:lnTo>
                  <a:lnTo>
                    <a:pt x="900877" y="143467"/>
                  </a:lnTo>
                  <a:lnTo>
                    <a:pt x="900877" y="238551"/>
                  </a:lnTo>
                  <a:cubicBezTo>
                    <a:pt x="900877" y="261670"/>
                    <a:pt x="905689" y="270992"/>
                    <a:pt x="921236" y="270992"/>
                  </a:cubicBezTo>
                  <a:cubicBezTo>
                    <a:pt x="928639" y="270992"/>
                    <a:pt x="936782" y="268382"/>
                    <a:pt x="946407" y="264653"/>
                  </a:cubicBezTo>
                  <a:lnTo>
                    <a:pt x="958622" y="303433"/>
                  </a:lnTo>
                  <a:cubicBezTo>
                    <a:pt x="946407" y="311636"/>
                    <a:pt x="924197" y="316856"/>
                    <a:pt x="905689" y="316856"/>
                  </a:cubicBezTo>
                  <a:cubicBezTo>
                    <a:pt x="845722" y="316856"/>
                    <a:pt x="842391" y="282551"/>
                    <a:pt x="842391" y="247128"/>
                  </a:cubicBezTo>
                  <a:lnTo>
                    <a:pt x="842391" y="143467"/>
                  </a:lnTo>
                  <a:lnTo>
                    <a:pt x="809816" y="143467"/>
                  </a:lnTo>
                  <a:lnTo>
                    <a:pt x="809816" y="97603"/>
                  </a:lnTo>
                  <a:lnTo>
                    <a:pt x="842391" y="97603"/>
                  </a:lnTo>
                  <a:close/>
                  <a:moveTo>
                    <a:pt x="698343" y="31230"/>
                  </a:moveTo>
                  <a:lnTo>
                    <a:pt x="756722" y="31230"/>
                  </a:lnTo>
                  <a:lnTo>
                    <a:pt x="756722" y="238449"/>
                  </a:lnTo>
                  <a:cubicBezTo>
                    <a:pt x="756722" y="261597"/>
                    <a:pt x="761895" y="270932"/>
                    <a:pt x="777045" y="270932"/>
                  </a:cubicBezTo>
                  <a:cubicBezTo>
                    <a:pt x="784434" y="270932"/>
                    <a:pt x="792563" y="268318"/>
                    <a:pt x="802170" y="264584"/>
                  </a:cubicBezTo>
                  <a:lnTo>
                    <a:pt x="814364" y="303415"/>
                  </a:lnTo>
                  <a:cubicBezTo>
                    <a:pt x="802170" y="311629"/>
                    <a:pt x="780000" y="316856"/>
                    <a:pt x="761895" y="316856"/>
                  </a:cubicBezTo>
                  <a:cubicBezTo>
                    <a:pt x="702038" y="316856"/>
                    <a:pt x="698343" y="282506"/>
                    <a:pt x="698343" y="247036"/>
                  </a:cubicBezTo>
                  <a:close/>
                  <a:moveTo>
                    <a:pt x="0" y="31230"/>
                  </a:moveTo>
                  <a:lnTo>
                    <a:pt x="59654" y="31230"/>
                  </a:lnTo>
                  <a:lnTo>
                    <a:pt x="59654" y="142255"/>
                  </a:lnTo>
                  <a:lnTo>
                    <a:pt x="145779" y="142255"/>
                  </a:lnTo>
                  <a:lnTo>
                    <a:pt x="145779" y="31230"/>
                  </a:lnTo>
                  <a:lnTo>
                    <a:pt x="206179" y="31230"/>
                  </a:lnTo>
                  <a:lnTo>
                    <a:pt x="206179" y="310283"/>
                  </a:lnTo>
                  <a:lnTo>
                    <a:pt x="145779" y="310283"/>
                  </a:lnTo>
                  <a:lnTo>
                    <a:pt x="145779" y="194787"/>
                  </a:lnTo>
                  <a:lnTo>
                    <a:pt x="59654" y="194787"/>
                  </a:lnTo>
                  <a:lnTo>
                    <a:pt x="59654" y="310283"/>
                  </a:lnTo>
                  <a:lnTo>
                    <a:pt x="0" y="310283"/>
                  </a:lnTo>
                  <a:close/>
                  <a:moveTo>
                    <a:pt x="1262898" y="0"/>
                  </a:moveTo>
                  <a:cubicBezTo>
                    <a:pt x="1281745" y="0"/>
                    <a:pt x="1294680" y="13890"/>
                    <a:pt x="1294680" y="30408"/>
                  </a:cubicBezTo>
                  <a:cubicBezTo>
                    <a:pt x="1294680" y="48053"/>
                    <a:pt x="1281745" y="60442"/>
                    <a:pt x="1262898" y="60442"/>
                  </a:cubicBezTo>
                  <a:cubicBezTo>
                    <a:pt x="1243681" y="60442"/>
                    <a:pt x="1231116" y="48053"/>
                    <a:pt x="1231116" y="30408"/>
                  </a:cubicBezTo>
                  <a:cubicBezTo>
                    <a:pt x="1231116" y="13890"/>
                    <a:pt x="1244051" y="0"/>
                    <a:pt x="1262898" y="0"/>
                  </a:cubicBezTo>
                  <a:close/>
                </a:path>
              </a:pathLst>
            </a:custGeom>
            <a:solidFill>
              <a:srgbClr val="EC6602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1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"/>
                <a:cs typeface=""/>
              </a:endParaRPr>
            </a:p>
          </p:txBody>
        </p: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>
          <a:xfrm>
            <a:off x="482601" y="216377"/>
            <a:ext cx="9144000" cy="492443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/>
              <a:t>Introduction/Table of contents</a:t>
            </a:r>
            <a:r>
              <a:rPr lang="en-US" noProof="0" dirty="0"/>
              <a:t>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76999814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ntroduction/Table of content White, Ber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9708713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360" imgH="360" progId="">
                  <p:embed/>
                </p:oleObj>
              </mc:Choice>
              <mc:Fallback>
                <p:oleObj name="think-cell Folie" r:id="rId4" imgW="360" imgH="360" progId="">
                  <p:embed/>
                  <p:pic>
                    <p:nvPicPr>
                      <p:cNvPr id="0" name="Picture 4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Grafik 15"/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560737" y="757121"/>
            <a:ext cx="5597523" cy="5567437"/>
          </a:xfrm>
          <a:prstGeom prst="rect">
            <a:avLst/>
          </a:prstGeom>
        </p:spPr>
      </p:pic>
      <p:sp>
        <p:nvSpPr>
          <p:cNvPr id="219" name="Textplatzhalter 6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482600" y="1629093"/>
            <a:ext cx="5651500" cy="851515"/>
          </a:xfrm>
        </p:spPr>
        <p:txBody>
          <a:bodyPr>
            <a:spAutoFit/>
          </a:bodyPr>
          <a:lstStyle>
            <a:lvl1pPr marL="266700" indent="-266700">
              <a:buClr>
                <a:schemeClr val="tx2"/>
              </a:buClr>
              <a:buFont typeface="Arial" panose="020B0604020202020204" pitchFamily="34" charset="0"/>
              <a:buChar char="•"/>
              <a:tabLst>
                <a:tab pos="5646738" algn="r"/>
              </a:tabLst>
              <a:defRPr b="0">
                <a:solidFill>
                  <a:schemeClr val="tx1"/>
                </a:solidFill>
              </a:defRPr>
            </a:lvl1pPr>
            <a:lvl3pPr>
              <a:tabLst>
                <a:tab pos="5646738" algn="r"/>
              </a:tabLst>
              <a:defRPr baseline="0"/>
            </a:lvl3pPr>
          </a:lstStyle>
          <a:p>
            <a:pPr lvl="0"/>
            <a:r>
              <a:rPr lang="en-US" dirty="0"/>
              <a:t>Click to add chapter title, [Tab] 	page #</a:t>
            </a:r>
          </a:p>
          <a:p>
            <a:pPr lvl="2"/>
            <a:r>
              <a:rPr lang="en-US" dirty="0"/>
              <a:t>Second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1" y="796"/>
            <a:ext cx="12198350" cy="1624807"/>
            <a:chOff x="1" y="796"/>
            <a:chExt cx="12198350" cy="1624807"/>
          </a:xfrm>
        </p:grpSpPr>
        <p:sp>
          <p:nvSpPr>
            <p:cNvPr id="218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217" name="Freeform 11"/>
            <p:cNvSpPr>
              <a:spLocks/>
            </p:cNvSpPr>
            <p:nvPr userDrawn="1"/>
          </p:nvSpPr>
          <p:spPr bwMode="gray">
            <a:xfrm>
              <a:off x="1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</p:grpSp>
      <p:grpSp>
        <p:nvGrpSpPr>
          <p:cNvPr id="495" name="Gruppierung 140"/>
          <p:cNvGrpSpPr>
            <a:grpSpLocks noChangeAspect="1"/>
          </p:cNvGrpSpPr>
          <p:nvPr userDrawn="1"/>
        </p:nvGrpSpPr>
        <p:grpSpPr>
          <a:xfrm>
            <a:off x="10291931" y="341313"/>
            <a:ext cx="1638132" cy="385201"/>
            <a:chOff x="6613648" y="2453653"/>
            <a:chExt cx="2815390" cy="662028"/>
          </a:xfrm>
        </p:grpSpPr>
        <p:sp>
          <p:nvSpPr>
            <p:cNvPr id="496" name="Freihandform 495"/>
            <p:cNvSpPr>
              <a:spLocks noChangeAspect="1" noChangeArrowheads="1"/>
            </p:cNvSpPr>
            <p:nvPr/>
          </p:nvSpPr>
          <p:spPr bwMode="auto">
            <a:xfrm>
              <a:off x="8944950" y="2560629"/>
              <a:ext cx="484088" cy="476289"/>
            </a:xfrm>
            <a:custGeom>
              <a:avLst/>
              <a:gdLst>
                <a:gd name="connsiteX0" fmla="*/ 224003 w 484088"/>
                <a:gd name="connsiteY0" fmla="*/ 410646 h 476290"/>
                <a:gd name="connsiteX1" fmla="*/ 247187 w 484088"/>
                <a:gd name="connsiteY1" fmla="*/ 420103 h 476290"/>
                <a:gd name="connsiteX2" fmla="*/ 247187 w 484088"/>
                <a:gd name="connsiteY2" fmla="*/ 466833 h 476290"/>
                <a:gd name="connsiteX3" fmla="*/ 200818 w 484088"/>
                <a:gd name="connsiteY3" fmla="*/ 466833 h 476290"/>
                <a:gd name="connsiteX4" fmla="*/ 200818 w 484088"/>
                <a:gd name="connsiteY4" fmla="*/ 420103 h 476290"/>
                <a:gd name="connsiteX5" fmla="*/ 224003 w 484088"/>
                <a:gd name="connsiteY5" fmla="*/ 410646 h 476290"/>
                <a:gd name="connsiteX6" fmla="*/ 121049 w 484088"/>
                <a:gd name="connsiteY6" fmla="*/ 316301 h 476290"/>
                <a:gd name="connsiteX7" fmla="*/ 138696 w 484088"/>
                <a:gd name="connsiteY7" fmla="*/ 323796 h 476290"/>
                <a:gd name="connsiteX8" fmla="*/ 138696 w 484088"/>
                <a:gd name="connsiteY8" fmla="*/ 359325 h 476290"/>
                <a:gd name="connsiteX9" fmla="*/ 103128 w 484088"/>
                <a:gd name="connsiteY9" fmla="*/ 359325 h 476290"/>
                <a:gd name="connsiteX10" fmla="*/ 103128 w 484088"/>
                <a:gd name="connsiteY10" fmla="*/ 323796 h 476290"/>
                <a:gd name="connsiteX11" fmla="*/ 121049 w 484088"/>
                <a:gd name="connsiteY11" fmla="*/ 316301 h 476290"/>
                <a:gd name="connsiteX12" fmla="*/ 325449 w 484088"/>
                <a:gd name="connsiteY12" fmla="*/ 298284 h 476290"/>
                <a:gd name="connsiteX13" fmla="*/ 356024 w 484088"/>
                <a:gd name="connsiteY13" fmla="*/ 310902 h 476290"/>
                <a:gd name="connsiteX14" fmla="*/ 356024 w 484088"/>
                <a:gd name="connsiteY14" fmla="*/ 372214 h 476290"/>
                <a:gd name="connsiteX15" fmla="*/ 294874 w 484088"/>
                <a:gd name="connsiteY15" fmla="*/ 372214 h 476290"/>
                <a:gd name="connsiteX16" fmla="*/ 294874 w 484088"/>
                <a:gd name="connsiteY16" fmla="*/ 310902 h 476290"/>
                <a:gd name="connsiteX17" fmla="*/ 325449 w 484088"/>
                <a:gd name="connsiteY17" fmla="*/ 298284 h 476290"/>
                <a:gd name="connsiteX18" fmla="*/ 19273 w 484088"/>
                <a:gd name="connsiteY18" fmla="*/ 218685 h 476290"/>
                <a:gd name="connsiteX19" fmla="*/ 32986 w 484088"/>
                <a:gd name="connsiteY19" fmla="*/ 224259 h 476290"/>
                <a:gd name="connsiteX20" fmla="*/ 32986 w 484088"/>
                <a:gd name="connsiteY20" fmla="*/ 251759 h 476290"/>
                <a:gd name="connsiteX21" fmla="*/ 5560 w 484088"/>
                <a:gd name="connsiteY21" fmla="*/ 251759 h 476290"/>
                <a:gd name="connsiteX22" fmla="*/ 5560 w 484088"/>
                <a:gd name="connsiteY22" fmla="*/ 224259 h 476290"/>
                <a:gd name="connsiteX23" fmla="*/ 19273 w 484088"/>
                <a:gd name="connsiteY23" fmla="*/ 218685 h 476290"/>
                <a:gd name="connsiteX24" fmla="*/ 224003 w 484088"/>
                <a:gd name="connsiteY24" fmla="*/ 205318 h 476290"/>
                <a:gd name="connsiteX25" fmla="*/ 247187 w 484088"/>
                <a:gd name="connsiteY25" fmla="*/ 215174 h 476290"/>
                <a:gd name="connsiteX26" fmla="*/ 247187 w 484088"/>
                <a:gd name="connsiteY26" fmla="*/ 262482 h 476290"/>
                <a:gd name="connsiteX27" fmla="*/ 200818 w 484088"/>
                <a:gd name="connsiteY27" fmla="*/ 262482 h 476290"/>
                <a:gd name="connsiteX28" fmla="*/ 200818 w 484088"/>
                <a:gd name="connsiteY28" fmla="*/ 215174 h 476290"/>
                <a:gd name="connsiteX29" fmla="*/ 224003 w 484088"/>
                <a:gd name="connsiteY29" fmla="*/ 205318 h 476290"/>
                <a:gd name="connsiteX30" fmla="*/ 428279 w 484088"/>
                <a:gd name="connsiteY30" fmla="*/ 182871 h 476290"/>
                <a:gd name="connsiteX31" fmla="*/ 467652 w 484088"/>
                <a:gd name="connsiteY31" fmla="*/ 199351 h 476290"/>
                <a:gd name="connsiteX32" fmla="*/ 467652 w 484088"/>
                <a:gd name="connsiteY32" fmla="*/ 278307 h 476290"/>
                <a:gd name="connsiteX33" fmla="*/ 388906 w 484088"/>
                <a:gd name="connsiteY33" fmla="*/ 278307 h 476290"/>
                <a:gd name="connsiteX34" fmla="*/ 388906 w 484088"/>
                <a:gd name="connsiteY34" fmla="*/ 199351 h 476290"/>
                <a:gd name="connsiteX35" fmla="*/ 428279 w 484088"/>
                <a:gd name="connsiteY35" fmla="*/ 182871 h 476290"/>
                <a:gd name="connsiteX36" fmla="*/ 121049 w 484088"/>
                <a:gd name="connsiteY36" fmla="*/ 110842 h 476290"/>
                <a:gd name="connsiteX37" fmla="*/ 138696 w 484088"/>
                <a:gd name="connsiteY37" fmla="*/ 118337 h 476290"/>
                <a:gd name="connsiteX38" fmla="*/ 138696 w 484088"/>
                <a:gd name="connsiteY38" fmla="*/ 154236 h 476290"/>
                <a:gd name="connsiteX39" fmla="*/ 103128 w 484088"/>
                <a:gd name="connsiteY39" fmla="*/ 154236 h 476290"/>
                <a:gd name="connsiteX40" fmla="*/ 103128 w 484088"/>
                <a:gd name="connsiteY40" fmla="*/ 118337 h 476290"/>
                <a:gd name="connsiteX41" fmla="*/ 121049 w 484088"/>
                <a:gd name="connsiteY41" fmla="*/ 110842 h 476290"/>
                <a:gd name="connsiteX42" fmla="*/ 325683 w 484088"/>
                <a:gd name="connsiteY42" fmla="*/ 92919 h 476290"/>
                <a:gd name="connsiteX43" fmla="*/ 356092 w 484088"/>
                <a:gd name="connsiteY43" fmla="*/ 105817 h 476290"/>
                <a:gd name="connsiteX44" fmla="*/ 356092 w 484088"/>
                <a:gd name="connsiteY44" fmla="*/ 166756 h 476290"/>
                <a:gd name="connsiteX45" fmla="*/ 295553 w 484088"/>
                <a:gd name="connsiteY45" fmla="*/ 166756 h 476290"/>
                <a:gd name="connsiteX46" fmla="*/ 295553 w 484088"/>
                <a:gd name="connsiteY46" fmla="*/ 105817 h 476290"/>
                <a:gd name="connsiteX47" fmla="*/ 325683 w 484088"/>
                <a:gd name="connsiteY47" fmla="*/ 92919 h 476290"/>
                <a:gd name="connsiteX48" fmla="*/ 224003 w 484088"/>
                <a:gd name="connsiteY48" fmla="*/ 0 h 476290"/>
                <a:gd name="connsiteX49" fmla="*/ 247187 w 484088"/>
                <a:gd name="connsiteY49" fmla="*/ 9715 h 476290"/>
                <a:gd name="connsiteX50" fmla="*/ 247187 w 484088"/>
                <a:gd name="connsiteY50" fmla="*/ 57022 h 476290"/>
                <a:gd name="connsiteX51" fmla="*/ 200818 w 484088"/>
                <a:gd name="connsiteY51" fmla="*/ 57022 h 476290"/>
                <a:gd name="connsiteX52" fmla="*/ 200818 w 484088"/>
                <a:gd name="connsiteY52" fmla="*/ 9715 h 476290"/>
                <a:gd name="connsiteX53" fmla="*/ 224003 w 484088"/>
                <a:gd name="connsiteY53" fmla="*/ 0 h 47629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</a:cxnLst>
              <a:rect l="l" t="t" r="r" b="b"/>
              <a:pathLst>
                <a:path w="484088" h="476290">
                  <a:moveTo>
                    <a:pt x="224003" y="410646"/>
                  </a:moveTo>
                  <a:cubicBezTo>
                    <a:pt x="232375" y="410646"/>
                    <a:pt x="240747" y="413798"/>
                    <a:pt x="247187" y="420103"/>
                  </a:cubicBezTo>
                  <a:cubicBezTo>
                    <a:pt x="260067" y="433084"/>
                    <a:pt x="260067" y="453853"/>
                    <a:pt x="247187" y="466833"/>
                  </a:cubicBezTo>
                  <a:cubicBezTo>
                    <a:pt x="234307" y="479443"/>
                    <a:pt x="213699" y="479443"/>
                    <a:pt x="200818" y="466833"/>
                  </a:cubicBezTo>
                  <a:cubicBezTo>
                    <a:pt x="188306" y="454224"/>
                    <a:pt x="188306" y="433455"/>
                    <a:pt x="200818" y="420103"/>
                  </a:cubicBezTo>
                  <a:cubicBezTo>
                    <a:pt x="207259" y="413798"/>
                    <a:pt x="215631" y="410646"/>
                    <a:pt x="224003" y="410646"/>
                  </a:cubicBezTo>
                  <a:close/>
                  <a:moveTo>
                    <a:pt x="121049" y="316301"/>
                  </a:moveTo>
                  <a:cubicBezTo>
                    <a:pt x="127512" y="316301"/>
                    <a:pt x="133929" y="318800"/>
                    <a:pt x="138696" y="323796"/>
                  </a:cubicBezTo>
                  <a:cubicBezTo>
                    <a:pt x="148597" y="333788"/>
                    <a:pt x="148597" y="349333"/>
                    <a:pt x="138696" y="359325"/>
                  </a:cubicBezTo>
                  <a:cubicBezTo>
                    <a:pt x="129162" y="369318"/>
                    <a:pt x="113028" y="369318"/>
                    <a:pt x="103128" y="359325"/>
                  </a:cubicBezTo>
                  <a:cubicBezTo>
                    <a:pt x="93227" y="349333"/>
                    <a:pt x="93227" y="333788"/>
                    <a:pt x="103128" y="323796"/>
                  </a:cubicBezTo>
                  <a:cubicBezTo>
                    <a:pt x="108078" y="318800"/>
                    <a:pt x="114587" y="316301"/>
                    <a:pt x="121049" y="316301"/>
                  </a:cubicBezTo>
                  <a:close/>
                  <a:moveTo>
                    <a:pt x="325449" y="298284"/>
                  </a:moveTo>
                  <a:cubicBezTo>
                    <a:pt x="336448" y="298284"/>
                    <a:pt x="347448" y="302490"/>
                    <a:pt x="356024" y="310902"/>
                  </a:cubicBezTo>
                  <a:cubicBezTo>
                    <a:pt x="372803" y="328099"/>
                    <a:pt x="373175" y="355016"/>
                    <a:pt x="356024" y="372214"/>
                  </a:cubicBezTo>
                  <a:cubicBezTo>
                    <a:pt x="339245" y="389037"/>
                    <a:pt x="312026" y="389037"/>
                    <a:pt x="294874" y="372214"/>
                  </a:cubicBezTo>
                  <a:cubicBezTo>
                    <a:pt x="278468" y="355016"/>
                    <a:pt x="278468" y="328099"/>
                    <a:pt x="294874" y="310902"/>
                  </a:cubicBezTo>
                  <a:cubicBezTo>
                    <a:pt x="303450" y="302490"/>
                    <a:pt x="314449" y="298284"/>
                    <a:pt x="325449" y="298284"/>
                  </a:cubicBezTo>
                  <a:close/>
                  <a:moveTo>
                    <a:pt x="19273" y="218685"/>
                  </a:moveTo>
                  <a:cubicBezTo>
                    <a:pt x="24277" y="218685"/>
                    <a:pt x="29280" y="220543"/>
                    <a:pt x="32986" y="224259"/>
                  </a:cubicBezTo>
                  <a:cubicBezTo>
                    <a:pt x="40399" y="231692"/>
                    <a:pt x="40399" y="243955"/>
                    <a:pt x="32986" y="251759"/>
                  </a:cubicBezTo>
                  <a:cubicBezTo>
                    <a:pt x="25574" y="259192"/>
                    <a:pt x="12972" y="259192"/>
                    <a:pt x="5560" y="251759"/>
                  </a:cubicBezTo>
                  <a:cubicBezTo>
                    <a:pt x="-1853" y="243955"/>
                    <a:pt x="-1853" y="231692"/>
                    <a:pt x="5560" y="224259"/>
                  </a:cubicBezTo>
                  <a:cubicBezTo>
                    <a:pt x="9266" y="220543"/>
                    <a:pt x="14270" y="218685"/>
                    <a:pt x="19273" y="218685"/>
                  </a:cubicBezTo>
                  <a:close/>
                  <a:moveTo>
                    <a:pt x="224003" y="205318"/>
                  </a:moveTo>
                  <a:cubicBezTo>
                    <a:pt x="232375" y="205318"/>
                    <a:pt x="240747" y="208604"/>
                    <a:pt x="247187" y="215174"/>
                  </a:cubicBezTo>
                  <a:cubicBezTo>
                    <a:pt x="260067" y="228315"/>
                    <a:pt x="260067" y="249341"/>
                    <a:pt x="247187" y="262482"/>
                  </a:cubicBezTo>
                  <a:cubicBezTo>
                    <a:pt x="234307" y="275624"/>
                    <a:pt x="213699" y="275624"/>
                    <a:pt x="200818" y="262482"/>
                  </a:cubicBezTo>
                  <a:cubicBezTo>
                    <a:pt x="188306" y="249341"/>
                    <a:pt x="188306" y="228315"/>
                    <a:pt x="200818" y="215174"/>
                  </a:cubicBezTo>
                  <a:cubicBezTo>
                    <a:pt x="207259" y="208604"/>
                    <a:pt x="215631" y="205318"/>
                    <a:pt x="224003" y="205318"/>
                  </a:cubicBezTo>
                  <a:close/>
                  <a:moveTo>
                    <a:pt x="428279" y="182871"/>
                  </a:moveTo>
                  <a:cubicBezTo>
                    <a:pt x="442487" y="182871"/>
                    <a:pt x="456694" y="188365"/>
                    <a:pt x="467652" y="199351"/>
                  </a:cubicBezTo>
                  <a:cubicBezTo>
                    <a:pt x="489567" y="221325"/>
                    <a:pt x="489567" y="256334"/>
                    <a:pt x="467652" y="278307"/>
                  </a:cubicBezTo>
                  <a:cubicBezTo>
                    <a:pt x="445737" y="300281"/>
                    <a:pt x="410821" y="300281"/>
                    <a:pt x="388906" y="278307"/>
                  </a:cubicBezTo>
                  <a:cubicBezTo>
                    <a:pt x="366991" y="256706"/>
                    <a:pt x="366991" y="221325"/>
                    <a:pt x="388906" y="199351"/>
                  </a:cubicBezTo>
                  <a:cubicBezTo>
                    <a:pt x="399864" y="188365"/>
                    <a:pt x="414071" y="182871"/>
                    <a:pt x="428279" y="182871"/>
                  </a:cubicBezTo>
                  <a:close/>
                  <a:moveTo>
                    <a:pt x="121049" y="110842"/>
                  </a:moveTo>
                  <a:cubicBezTo>
                    <a:pt x="127512" y="110842"/>
                    <a:pt x="133929" y="113340"/>
                    <a:pt x="138696" y="118337"/>
                  </a:cubicBezTo>
                  <a:cubicBezTo>
                    <a:pt x="148597" y="128329"/>
                    <a:pt x="148597" y="144244"/>
                    <a:pt x="138696" y="154236"/>
                  </a:cubicBezTo>
                  <a:cubicBezTo>
                    <a:pt x="129162" y="163859"/>
                    <a:pt x="113028" y="163859"/>
                    <a:pt x="103128" y="154236"/>
                  </a:cubicBezTo>
                  <a:cubicBezTo>
                    <a:pt x="93227" y="144244"/>
                    <a:pt x="93227" y="128329"/>
                    <a:pt x="103128" y="118337"/>
                  </a:cubicBezTo>
                  <a:cubicBezTo>
                    <a:pt x="108078" y="113340"/>
                    <a:pt x="114587" y="110842"/>
                    <a:pt x="121049" y="110842"/>
                  </a:cubicBezTo>
                  <a:close/>
                  <a:moveTo>
                    <a:pt x="325683" y="92919"/>
                  </a:moveTo>
                  <a:cubicBezTo>
                    <a:pt x="336593" y="92919"/>
                    <a:pt x="347550" y="97219"/>
                    <a:pt x="356092" y="105817"/>
                  </a:cubicBezTo>
                  <a:cubicBezTo>
                    <a:pt x="373177" y="122641"/>
                    <a:pt x="373177" y="149558"/>
                    <a:pt x="356092" y="166756"/>
                  </a:cubicBezTo>
                  <a:cubicBezTo>
                    <a:pt x="339007" y="183579"/>
                    <a:pt x="312638" y="183579"/>
                    <a:pt x="295553" y="166756"/>
                  </a:cubicBezTo>
                  <a:cubicBezTo>
                    <a:pt x="278840" y="149558"/>
                    <a:pt x="278468" y="122641"/>
                    <a:pt x="295553" y="105817"/>
                  </a:cubicBezTo>
                  <a:cubicBezTo>
                    <a:pt x="303910" y="97219"/>
                    <a:pt x="314773" y="92919"/>
                    <a:pt x="325683" y="92919"/>
                  </a:cubicBezTo>
                  <a:close/>
                  <a:moveTo>
                    <a:pt x="224003" y="0"/>
                  </a:moveTo>
                  <a:cubicBezTo>
                    <a:pt x="232375" y="-47"/>
                    <a:pt x="240747" y="3144"/>
                    <a:pt x="247187" y="9715"/>
                  </a:cubicBezTo>
                  <a:cubicBezTo>
                    <a:pt x="260067" y="22480"/>
                    <a:pt x="260067" y="44257"/>
                    <a:pt x="247187" y="57022"/>
                  </a:cubicBezTo>
                  <a:cubicBezTo>
                    <a:pt x="234307" y="70163"/>
                    <a:pt x="213699" y="69788"/>
                    <a:pt x="200818" y="57022"/>
                  </a:cubicBezTo>
                  <a:cubicBezTo>
                    <a:pt x="188306" y="43881"/>
                    <a:pt x="188306" y="22856"/>
                    <a:pt x="200818" y="9715"/>
                  </a:cubicBezTo>
                  <a:cubicBezTo>
                    <a:pt x="207259" y="3332"/>
                    <a:pt x="215631" y="47"/>
                    <a:pt x="224003" y="0"/>
                  </a:cubicBezTo>
                  <a:close/>
                </a:path>
              </a:pathLst>
            </a:custGeom>
            <a:solidFill>
              <a:srgbClr val="EC6602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rPr>
                <a:t> </a:t>
              </a:r>
            </a:p>
          </p:txBody>
        </p:sp>
        <p:sp>
          <p:nvSpPr>
            <p:cNvPr id="497" name="Freihandform 496"/>
            <p:cNvSpPr>
              <a:spLocks noChangeAspect="1" noChangeArrowheads="1"/>
            </p:cNvSpPr>
            <p:nvPr/>
          </p:nvSpPr>
          <p:spPr bwMode="auto">
            <a:xfrm>
              <a:off x="7307072" y="2453653"/>
              <a:ext cx="1597948" cy="254396"/>
            </a:xfrm>
            <a:custGeom>
              <a:avLst/>
              <a:gdLst>
                <a:gd name="connsiteX0" fmla="*/ 1157347 w 1597949"/>
                <a:gd name="connsiteY0" fmla="*/ 4931 h 254396"/>
                <a:gd name="connsiteX1" fmla="*/ 1235941 w 1597949"/>
                <a:gd name="connsiteY1" fmla="*/ 4931 h 254396"/>
                <a:gd name="connsiteX2" fmla="*/ 1319354 w 1597949"/>
                <a:gd name="connsiteY2" fmla="*/ 168700 h 254396"/>
                <a:gd name="connsiteX3" fmla="*/ 1319354 w 1597949"/>
                <a:gd name="connsiteY3" fmla="*/ 4931 h 254396"/>
                <a:gd name="connsiteX4" fmla="*/ 1366807 w 1597949"/>
                <a:gd name="connsiteY4" fmla="*/ 4931 h 254396"/>
                <a:gd name="connsiteX5" fmla="*/ 1366807 w 1597949"/>
                <a:gd name="connsiteY5" fmla="*/ 249463 h 254396"/>
                <a:gd name="connsiteX6" fmla="*/ 1291179 w 1597949"/>
                <a:gd name="connsiteY6" fmla="*/ 249463 h 254396"/>
                <a:gd name="connsiteX7" fmla="*/ 1205170 w 1597949"/>
                <a:gd name="connsiteY7" fmla="*/ 83451 h 254396"/>
                <a:gd name="connsiteX8" fmla="*/ 1205170 w 1597949"/>
                <a:gd name="connsiteY8" fmla="*/ 249463 h 254396"/>
                <a:gd name="connsiteX9" fmla="*/ 1157347 w 1597949"/>
                <a:gd name="connsiteY9" fmla="*/ 249463 h 254396"/>
                <a:gd name="connsiteX10" fmla="*/ 936042 w 1597949"/>
                <a:gd name="connsiteY10" fmla="*/ 4931 h 254396"/>
                <a:gd name="connsiteX11" fmla="*/ 1110117 w 1597949"/>
                <a:gd name="connsiteY11" fmla="*/ 4931 h 254396"/>
                <a:gd name="connsiteX12" fmla="*/ 1110117 w 1597949"/>
                <a:gd name="connsiteY12" fmla="*/ 49052 h 254396"/>
                <a:gd name="connsiteX13" fmla="*/ 1001367 w 1597949"/>
                <a:gd name="connsiteY13" fmla="*/ 49052 h 254396"/>
                <a:gd name="connsiteX14" fmla="*/ 1001367 w 1597949"/>
                <a:gd name="connsiteY14" fmla="*/ 104015 h 254396"/>
                <a:gd name="connsiteX15" fmla="*/ 1096013 w 1597949"/>
                <a:gd name="connsiteY15" fmla="*/ 104015 h 254396"/>
                <a:gd name="connsiteX16" fmla="*/ 1096013 w 1597949"/>
                <a:gd name="connsiteY16" fmla="*/ 144771 h 254396"/>
                <a:gd name="connsiteX17" fmla="*/ 1001367 w 1597949"/>
                <a:gd name="connsiteY17" fmla="*/ 144771 h 254396"/>
                <a:gd name="connsiteX18" fmla="*/ 1001367 w 1597949"/>
                <a:gd name="connsiteY18" fmla="*/ 202725 h 254396"/>
                <a:gd name="connsiteX19" fmla="*/ 1112716 w 1597949"/>
                <a:gd name="connsiteY19" fmla="*/ 202725 h 254396"/>
                <a:gd name="connsiteX20" fmla="*/ 1112716 w 1597949"/>
                <a:gd name="connsiteY20" fmla="*/ 249463 h 254396"/>
                <a:gd name="connsiteX21" fmla="*/ 936042 w 1597949"/>
                <a:gd name="connsiteY21" fmla="*/ 249463 h 254396"/>
                <a:gd name="connsiteX22" fmla="*/ 577034 w 1597949"/>
                <a:gd name="connsiteY22" fmla="*/ 4931 h 254396"/>
                <a:gd name="connsiteX23" fmla="*/ 665266 w 1597949"/>
                <a:gd name="connsiteY23" fmla="*/ 4931 h 254396"/>
                <a:gd name="connsiteX24" fmla="*/ 725949 w 1597949"/>
                <a:gd name="connsiteY24" fmla="*/ 160843 h 254396"/>
                <a:gd name="connsiteX25" fmla="*/ 789611 w 1597949"/>
                <a:gd name="connsiteY25" fmla="*/ 4931 h 254396"/>
                <a:gd name="connsiteX26" fmla="*/ 873375 w 1597949"/>
                <a:gd name="connsiteY26" fmla="*/ 4931 h 254396"/>
                <a:gd name="connsiteX27" fmla="*/ 873375 w 1597949"/>
                <a:gd name="connsiteY27" fmla="*/ 248870 h 254396"/>
                <a:gd name="connsiteX28" fmla="*/ 808225 w 1597949"/>
                <a:gd name="connsiteY28" fmla="*/ 248870 h 254396"/>
                <a:gd name="connsiteX29" fmla="*/ 808225 w 1597949"/>
                <a:gd name="connsiteY29" fmla="*/ 75800 h 254396"/>
                <a:gd name="connsiteX30" fmla="*/ 737118 w 1597949"/>
                <a:gd name="connsiteY30" fmla="*/ 251108 h 254396"/>
                <a:gd name="connsiteX31" fmla="*/ 694677 w 1597949"/>
                <a:gd name="connsiteY31" fmla="*/ 251108 h 254396"/>
                <a:gd name="connsiteX32" fmla="*/ 625059 w 1597949"/>
                <a:gd name="connsiteY32" fmla="*/ 75800 h 254396"/>
                <a:gd name="connsiteX33" fmla="*/ 625059 w 1597949"/>
                <a:gd name="connsiteY33" fmla="*/ 248870 h 254396"/>
                <a:gd name="connsiteX34" fmla="*/ 577034 w 1597949"/>
                <a:gd name="connsiteY34" fmla="*/ 248870 h 254396"/>
                <a:gd name="connsiteX35" fmla="*/ 355729 w 1597949"/>
                <a:gd name="connsiteY35" fmla="*/ 4931 h 254396"/>
                <a:gd name="connsiteX36" fmla="*/ 530170 w 1597949"/>
                <a:gd name="connsiteY36" fmla="*/ 4931 h 254396"/>
                <a:gd name="connsiteX37" fmla="*/ 530170 w 1597949"/>
                <a:gd name="connsiteY37" fmla="*/ 49052 h 254396"/>
                <a:gd name="connsiteX38" fmla="*/ 420819 w 1597949"/>
                <a:gd name="connsiteY38" fmla="*/ 49052 h 254396"/>
                <a:gd name="connsiteX39" fmla="*/ 420819 w 1597949"/>
                <a:gd name="connsiteY39" fmla="*/ 104015 h 254396"/>
                <a:gd name="connsiteX40" fmla="*/ 516036 w 1597949"/>
                <a:gd name="connsiteY40" fmla="*/ 104015 h 254396"/>
                <a:gd name="connsiteX41" fmla="*/ 516036 w 1597949"/>
                <a:gd name="connsiteY41" fmla="*/ 144771 h 254396"/>
                <a:gd name="connsiteX42" fmla="*/ 420819 w 1597949"/>
                <a:gd name="connsiteY42" fmla="*/ 144771 h 254396"/>
                <a:gd name="connsiteX43" fmla="*/ 420819 w 1597949"/>
                <a:gd name="connsiteY43" fmla="*/ 202725 h 254396"/>
                <a:gd name="connsiteX44" fmla="*/ 532402 w 1597949"/>
                <a:gd name="connsiteY44" fmla="*/ 202725 h 254396"/>
                <a:gd name="connsiteX45" fmla="*/ 532402 w 1597949"/>
                <a:gd name="connsiteY45" fmla="*/ 249463 h 254396"/>
                <a:gd name="connsiteX46" fmla="*/ 355729 w 1597949"/>
                <a:gd name="connsiteY46" fmla="*/ 249463 h 254396"/>
                <a:gd name="connsiteX47" fmla="*/ 226224 w 1597949"/>
                <a:gd name="connsiteY47" fmla="*/ 4931 h 254396"/>
                <a:gd name="connsiteX48" fmla="*/ 293068 w 1597949"/>
                <a:gd name="connsiteY48" fmla="*/ 4931 h 254396"/>
                <a:gd name="connsiteX49" fmla="*/ 293068 w 1597949"/>
                <a:gd name="connsiteY49" fmla="*/ 249464 h 254396"/>
                <a:gd name="connsiteX50" fmla="*/ 259646 w 1597949"/>
                <a:gd name="connsiteY50" fmla="*/ 249464 h 254396"/>
                <a:gd name="connsiteX51" fmla="*/ 226224 w 1597949"/>
                <a:gd name="connsiteY51" fmla="*/ 249464 h 254396"/>
                <a:gd name="connsiteX52" fmla="*/ 1509330 w 1597949"/>
                <a:gd name="connsiteY52" fmla="*/ 0 h 254396"/>
                <a:gd name="connsiteX53" fmla="*/ 1573106 w 1597949"/>
                <a:gd name="connsiteY53" fmla="*/ 7806 h 254396"/>
                <a:gd name="connsiteX54" fmla="*/ 1579039 w 1597949"/>
                <a:gd name="connsiteY54" fmla="*/ 8921 h 254396"/>
                <a:gd name="connsiteX55" fmla="*/ 1579039 w 1597949"/>
                <a:gd name="connsiteY55" fmla="*/ 55011 h 254396"/>
                <a:gd name="connsiteX56" fmla="*/ 1516004 w 1597949"/>
                <a:gd name="connsiteY56" fmla="*/ 41630 h 254396"/>
                <a:gd name="connsiteX57" fmla="*/ 1475217 w 1597949"/>
                <a:gd name="connsiteY57" fmla="*/ 63932 h 254396"/>
                <a:gd name="connsiteX58" fmla="*/ 1483745 w 1597949"/>
                <a:gd name="connsiteY58" fmla="*/ 78056 h 254396"/>
                <a:gd name="connsiteX59" fmla="*/ 1521195 w 1597949"/>
                <a:gd name="connsiteY59" fmla="*/ 96641 h 254396"/>
                <a:gd name="connsiteX60" fmla="*/ 1580522 w 1597949"/>
                <a:gd name="connsiteY60" fmla="*/ 130837 h 254396"/>
                <a:gd name="connsiteX61" fmla="*/ 1597949 w 1597949"/>
                <a:gd name="connsiteY61" fmla="*/ 175812 h 254396"/>
                <a:gd name="connsiteX62" fmla="*/ 1563466 w 1597949"/>
                <a:gd name="connsiteY62" fmla="*/ 236027 h 254396"/>
                <a:gd name="connsiteX63" fmla="*/ 1491532 w 1597949"/>
                <a:gd name="connsiteY63" fmla="*/ 252753 h 254396"/>
                <a:gd name="connsiteX64" fmla="*/ 1415890 w 1597949"/>
                <a:gd name="connsiteY64" fmla="*/ 243833 h 254396"/>
                <a:gd name="connsiteX65" fmla="*/ 1415890 w 1597949"/>
                <a:gd name="connsiteY65" fmla="*/ 195884 h 254396"/>
                <a:gd name="connsiteX66" fmla="*/ 1488565 w 1597949"/>
                <a:gd name="connsiteY66" fmla="*/ 208893 h 254396"/>
                <a:gd name="connsiteX67" fmla="*/ 1532319 w 1597949"/>
                <a:gd name="connsiteY67" fmla="*/ 186220 h 254396"/>
                <a:gd name="connsiteX68" fmla="*/ 1526386 w 1597949"/>
                <a:gd name="connsiteY68" fmla="*/ 171724 h 254396"/>
                <a:gd name="connsiteX69" fmla="*/ 1493015 w 1597949"/>
                <a:gd name="connsiteY69" fmla="*/ 154254 h 254396"/>
                <a:gd name="connsiteX70" fmla="*/ 1430351 w 1597949"/>
                <a:gd name="connsiteY70" fmla="*/ 120430 h 254396"/>
                <a:gd name="connsiteX71" fmla="*/ 1411440 w 1597949"/>
                <a:gd name="connsiteY71" fmla="*/ 73596 h 254396"/>
                <a:gd name="connsiteX72" fmla="*/ 1438879 w 1597949"/>
                <a:gd name="connsiteY72" fmla="*/ 18957 h 254396"/>
                <a:gd name="connsiteX73" fmla="*/ 1509330 w 1597949"/>
                <a:gd name="connsiteY73" fmla="*/ 0 h 254396"/>
                <a:gd name="connsiteX74" fmla="*/ 97518 w 1597949"/>
                <a:gd name="connsiteY74" fmla="*/ 0 h 254396"/>
                <a:gd name="connsiteX75" fmla="*/ 166857 w 1597949"/>
                <a:gd name="connsiteY75" fmla="*/ 8966 h 254396"/>
                <a:gd name="connsiteX76" fmla="*/ 166857 w 1597949"/>
                <a:gd name="connsiteY76" fmla="*/ 55661 h 254396"/>
                <a:gd name="connsiteX77" fmla="*/ 104564 w 1597949"/>
                <a:gd name="connsiteY77" fmla="*/ 42213 h 254396"/>
                <a:gd name="connsiteX78" fmla="*/ 64147 w 1597949"/>
                <a:gd name="connsiteY78" fmla="*/ 64626 h 254396"/>
                <a:gd name="connsiteX79" fmla="*/ 72675 w 1597949"/>
                <a:gd name="connsiteY79" fmla="*/ 78448 h 254396"/>
                <a:gd name="connsiteX80" fmla="*/ 109755 w 1597949"/>
                <a:gd name="connsiteY80" fmla="*/ 97126 h 254396"/>
                <a:gd name="connsiteX81" fmla="*/ 169082 w 1597949"/>
                <a:gd name="connsiteY81" fmla="*/ 131494 h 254396"/>
                <a:gd name="connsiteX82" fmla="*/ 186509 w 1597949"/>
                <a:gd name="connsiteY82" fmla="*/ 176695 h 254396"/>
                <a:gd name="connsiteX83" fmla="*/ 152025 w 1597949"/>
                <a:gd name="connsiteY83" fmla="*/ 237212 h 254396"/>
                <a:gd name="connsiteX84" fmla="*/ 80462 w 1597949"/>
                <a:gd name="connsiteY84" fmla="*/ 254396 h 254396"/>
                <a:gd name="connsiteX85" fmla="*/ 4820 w 1597949"/>
                <a:gd name="connsiteY85" fmla="*/ 244683 h 254396"/>
                <a:gd name="connsiteX86" fmla="*/ 4820 w 1597949"/>
                <a:gd name="connsiteY86" fmla="*/ 196494 h 254396"/>
                <a:gd name="connsiteX87" fmla="*/ 77496 w 1597949"/>
                <a:gd name="connsiteY87" fmla="*/ 209568 h 254396"/>
                <a:gd name="connsiteX88" fmla="*/ 120878 w 1597949"/>
                <a:gd name="connsiteY88" fmla="*/ 186781 h 254396"/>
                <a:gd name="connsiteX89" fmla="*/ 114204 w 1597949"/>
                <a:gd name="connsiteY89" fmla="*/ 172212 h 254396"/>
                <a:gd name="connsiteX90" fmla="*/ 81574 w 1597949"/>
                <a:gd name="connsiteY90" fmla="*/ 154655 h 254396"/>
                <a:gd name="connsiteX91" fmla="*/ 18910 w 1597949"/>
                <a:gd name="connsiteY91" fmla="*/ 120661 h 254396"/>
                <a:gd name="connsiteX92" fmla="*/ 0 w 1597949"/>
                <a:gd name="connsiteY92" fmla="*/ 73965 h 254396"/>
                <a:gd name="connsiteX93" fmla="*/ 27438 w 1597949"/>
                <a:gd name="connsiteY93" fmla="*/ 19052 h 254396"/>
                <a:gd name="connsiteX94" fmla="*/ 97518 w 1597949"/>
                <a:gd name="connsiteY94" fmla="*/ 0 h 25439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1597949" h="254396">
                  <a:moveTo>
                    <a:pt x="1157347" y="4931"/>
                  </a:moveTo>
                  <a:lnTo>
                    <a:pt x="1235941" y="4931"/>
                  </a:lnTo>
                  <a:lnTo>
                    <a:pt x="1319354" y="168700"/>
                  </a:lnTo>
                  <a:lnTo>
                    <a:pt x="1319354" y="4931"/>
                  </a:lnTo>
                  <a:lnTo>
                    <a:pt x="1366807" y="4931"/>
                  </a:lnTo>
                  <a:lnTo>
                    <a:pt x="1366807" y="249463"/>
                  </a:lnTo>
                  <a:lnTo>
                    <a:pt x="1291179" y="249463"/>
                  </a:lnTo>
                  <a:lnTo>
                    <a:pt x="1205170" y="83451"/>
                  </a:lnTo>
                  <a:lnTo>
                    <a:pt x="1205170" y="249463"/>
                  </a:lnTo>
                  <a:lnTo>
                    <a:pt x="1157347" y="249463"/>
                  </a:lnTo>
                  <a:close/>
                  <a:moveTo>
                    <a:pt x="936042" y="4931"/>
                  </a:moveTo>
                  <a:lnTo>
                    <a:pt x="1110117" y="4931"/>
                  </a:lnTo>
                  <a:lnTo>
                    <a:pt x="1110117" y="49052"/>
                  </a:lnTo>
                  <a:lnTo>
                    <a:pt x="1001367" y="49052"/>
                  </a:lnTo>
                  <a:lnTo>
                    <a:pt x="1001367" y="104015"/>
                  </a:lnTo>
                  <a:lnTo>
                    <a:pt x="1096013" y="104015"/>
                  </a:lnTo>
                  <a:lnTo>
                    <a:pt x="1096013" y="144771"/>
                  </a:lnTo>
                  <a:lnTo>
                    <a:pt x="1001367" y="144771"/>
                  </a:lnTo>
                  <a:lnTo>
                    <a:pt x="1001367" y="202725"/>
                  </a:lnTo>
                  <a:lnTo>
                    <a:pt x="1112716" y="202725"/>
                  </a:lnTo>
                  <a:lnTo>
                    <a:pt x="1112716" y="249463"/>
                  </a:lnTo>
                  <a:lnTo>
                    <a:pt x="936042" y="249463"/>
                  </a:lnTo>
                  <a:close/>
                  <a:moveTo>
                    <a:pt x="577034" y="4931"/>
                  </a:moveTo>
                  <a:lnTo>
                    <a:pt x="665266" y="4931"/>
                  </a:lnTo>
                  <a:lnTo>
                    <a:pt x="725949" y="160843"/>
                  </a:lnTo>
                  <a:lnTo>
                    <a:pt x="789611" y="4931"/>
                  </a:lnTo>
                  <a:lnTo>
                    <a:pt x="873375" y="4931"/>
                  </a:lnTo>
                  <a:lnTo>
                    <a:pt x="873375" y="248870"/>
                  </a:lnTo>
                  <a:lnTo>
                    <a:pt x="808225" y="248870"/>
                  </a:lnTo>
                  <a:lnTo>
                    <a:pt x="808225" y="75800"/>
                  </a:lnTo>
                  <a:lnTo>
                    <a:pt x="737118" y="251108"/>
                  </a:lnTo>
                  <a:lnTo>
                    <a:pt x="694677" y="251108"/>
                  </a:lnTo>
                  <a:lnTo>
                    <a:pt x="625059" y="75800"/>
                  </a:lnTo>
                  <a:lnTo>
                    <a:pt x="625059" y="248870"/>
                  </a:lnTo>
                  <a:lnTo>
                    <a:pt x="577034" y="248870"/>
                  </a:lnTo>
                  <a:close/>
                  <a:moveTo>
                    <a:pt x="355729" y="4931"/>
                  </a:moveTo>
                  <a:lnTo>
                    <a:pt x="530170" y="4931"/>
                  </a:lnTo>
                  <a:lnTo>
                    <a:pt x="530170" y="49052"/>
                  </a:lnTo>
                  <a:lnTo>
                    <a:pt x="420819" y="49052"/>
                  </a:lnTo>
                  <a:lnTo>
                    <a:pt x="420819" y="104015"/>
                  </a:lnTo>
                  <a:lnTo>
                    <a:pt x="516036" y="104015"/>
                  </a:lnTo>
                  <a:lnTo>
                    <a:pt x="516036" y="144771"/>
                  </a:lnTo>
                  <a:lnTo>
                    <a:pt x="420819" y="144771"/>
                  </a:lnTo>
                  <a:lnTo>
                    <a:pt x="420819" y="202725"/>
                  </a:lnTo>
                  <a:lnTo>
                    <a:pt x="532402" y="202725"/>
                  </a:lnTo>
                  <a:lnTo>
                    <a:pt x="532402" y="249463"/>
                  </a:lnTo>
                  <a:lnTo>
                    <a:pt x="355729" y="249463"/>
                  </a:lnTo>
                  <a:close/>
                  <a:moveTo>
                    <a:pt x="226224" y="4931"/>
                  </a:moveTo>
                  <a:lnTo>
                    <a:pt x="293068" y="4931"/>
                  </a:lnTo>
                  <a:lnTo>
                    <a:pt x="293068" y="249464"/>
                  </a:lnTo>
                  <a:lnTo>
                    <a:pt x="259646" y="249464"/>
                  </a:lnTo>
                  <a:lnTo>
                    <a:pt x="226224" y="249464"/>
                  </a:lnTo>
                  <a:close/>
                  <a:moveTo>
                    <a:pt x="1509330" y="0"/>
                  </a:moveTo>
                  <a:cubicBezTo>
                    <a:pt x="1525645" y="0"/>
                    <a:pt x="1546780" y="2230"/>
                    <a:pt x="1573106" y="7806"/>
                  </a:cubicBezTo>
                  <a:lnTo>
                    <a:pt x="1579039" y="8921"/>
                  </a:lnTo>
                  <a:lnTo>
                    <a:pt x="1579039" y="55011"/>
                  </a:lnTo>
                  <a:cubicBezTo>
                    <a:pt x="1556421" y="46090"/>
                    <a:pt x="1535285" y="41630"/>
                    <a:pt x="1516004" y="41630"/>
                  </a:cubicBezTo>
                  <a:cubicBezTo>
                    <a:pt x="1488565" y="41630"/>
                    <a:pt x="1475217" y="49064"/>
                    <a:pt x="1475217" y="63932"/>
                  </a:cubicBezTo>
                  <a:cubicBezTo>
                    <a:pt x="1475217" y="69507"/>
                    <a:pt x="1477812" y="73968"/>
                    <a:pt x="1483745" y="78056"/>
                  </a:cubicBezTo>
                  <a:cubicBezTo>
                    <a:pt x="1488195" y="81030"/>
                    <a:pt x="1500431" y="86977"/>
                    <a:pt x="1521195" y="96641"/>
                  </a:cubicBezTo>
                  <a:cubicBezTo>
                    <a:pt x="1550488" y="109279"/>
                    <a:pt x="1570511" y="120801"/>
                    <a:pt x="1580522" y="130837"/>
                  </a:cubicBezTo>
                  <a:cubicBezTo>
                    <a:pt x="1592017" y="142360"/>
                    <a:pt x="1597949" y="157228"/>
                    <a:pt x="1597949" y="175812"/>
                  </a:cubicBezTo>
                  <a:cubicBezTo>
                    <a:pt x="1597949" y="202203"/>
                    <a:pt x="1586455" y="221903"/>
                    <a:pt x="1563466" y="236027"/>
                  </a:cubicBezTo>
                  <a:cubicBezTo>
                    <a:pt x="1544555" y="247178"/>
                    <a:pt x="1520824" y="252753"/>
                    <a:pt x="1491532" y="252753"/>
                  </a:cubicBezTo>
                  <a:cubicBezTo>
                    <a:pt x="1466689" y="252753"/>
                    <a:pt x="1441475" y="249780"/>
                    <a:pt x="1415890" y="243833"/>
                  </a:cubicBezTo>
                  <a:lnTo>
                    <a:pt x="1415890" y="195884"/>
                  </a:lnTo>
                  <a:cubicBezTo>
                    <a:pt x="1442958" y="204433"/>
                    <a:pt x="1467059" y="208893"/>
                    <a:pt x="1488565" y="208893"/>
                  </a:cubicBezTo>
                  <a:cubicBezTo>
                    <a:pt x="1517487" y="208893"/>
                    <a:pt x="1532319" y="201459"/>
                    <a:pt x="1532319" y="186220"/>
                  </a:cubicBezTo>
                  <a:cubicBezTo>
                    <a:pt x="1532319" y="180273"/>
                    <a:pt x="1530465" y="175812"/>
                    <a:pt x="1526386" y="171724"/>
                  </a:cubicBezTo>
                  <a:cubicBezTo>
                    <a:pt x="1521937" y="167635"/>
                    <a:pt x="1510813" y="161688"/>
                    <a:pt x="1493015" y="154254"/>
                  </a:cubicBezTo>
                  <a:cubicBezTo>
                    <a:pt x="1461127" y="141245"/>
                    <a:pt x="1440362" y="129722"/>
                    <a:pt x="1430351" y="120430"/>
                  </a:cubicBezTo>
                  <a:cubicBezTo>
                    <a:pt x="1418115" y="108535"/>
                    <a:pt x="1411440" y="92552"/>
                    <a:pt x="1411440" y="73596"/>
                  </a:cubicBezTo>
                  <a:cubicBezTo>
                    <a:pt x="1411440" y="49807"/>
                    <a:pt x="1420339" y="31223"/>
                    <a:pt x="1438879" y="18957"/>
                  </a:cubicBezTo>
                  <a:cubicBezTo>
                    <a:pt x="1456677" y="6319"/>
                    <a:pt x="1480779" y="0"/>
                    <a:pt x="1509330" y="0"/>
                  </a:cubicBezTo>
                  <a:close/>
                  <a:moveTo>
                    <a:pt x="97518" y="0"/>
                  </a:moveTo>
                  <a:cubicBezTo>
                    <a:pt x="113463" y="0"/>
                    <a:pt x="136823" y="2989"/>
                    <a:pt x="166857" y="8966"/>
                  </a:cubicBezTo>
                  <a:lnTo>
                    <a:pt x="166857" y="55661"/>
                  </a:lnTo>
                  <a:cubicBezTo>
                    <a:pt x="144609" y="46695"/>
                    <a:pt x="123845" y="42213"/>
                    <a:pt x="104564" y="42213"/>
                  </a:cubicBezTo>
                  <a:cubicBezTo>
                    <a:pt x="77496" y="42213"/>
                    <a:pt x="64147" y="49684"/>
                    <a:pt x="64147" y="64626"/>
                  </a:cubicBezTo>
                  <a:cubicBezTo>
                    <a:pt x="64147" y="70230"/>
                    <a:pt x="67113" y="74712"/>
                    <a:pt x="72675" y="78448"/>
                  </a:cubicBezTo>
                  <a:cubicBezTo>
                    <a:pt x="77125" y="81437"/>
                    <a:pt x="89732" y="87414"/>
                    <a:pt x="109755" y="97126"/>
                  </a:cubicBezTo>
                  <a:cubicBezTo>
                    <a:pt x="139789" y="110201"/>
                    <a:pt x="159441" y="121408"/>
                    <a:pt x="169082" y="131494"/>
                  </a:cubicBezTo>
                  <a:cubicBezTo>
                    <a:pt x="180947" y="142701"/>
                    <a:pt x="186509" y="158017"/>
                    <a:pt x="186509" y="176695"/>
                  </a:cubicBezTo>
                  <a:cubicBezTo>
                    <a:pt x="186509" y="203218"/>
                    <a:pt x="175014" y="223016"/>
                    <a:pt x="152025" y="237212"/>
                  </a:cubicBezTo>
                  <a:cubicBezTo>
                    <a:pt x="133856" y="248792"/>
                    <a:pt x="109384" y="254396"/>
                    <a:pt x="80462" y="254396"/>
                  </a:cubicBezTo>
                  <a:cubicBezTo>
                    <a:pt x="55619" y="253648"/>
                    <a:pt x="30405" y="250660"/>
                    <a:pt x="4820" y="244683"/>
                  </a:cubicBezTo>
                  <a:lnTo>
                    <a:pt x="4820" y="196494"/>
                  </a:lnTo>
                  <a:cubicBezTo>
                    <a:pt x="32259" y="205085"/>
                    <a:pt x="56731" y="209568"/>
                    <a:pt x="77496" y="209568"/>
                  </a:cubicBezTo>
                  <a:cubicBezTo>
                    <a:pt x="106047" y="209568"/>
                    <a:pt x="120878" y="202097"/>
                    <a:pt x="120878" y="186781"/>
                  </a:cubicBezTo>
                  <a:cubicBezTo>
                    <a:pt x="120878" y="180804"/>
                    <a:pt x="119025" y="176321"/>
                    <a:pt x="114204" y="172212"/>
                  </a:cubicBezTo>
                  <a:cubicBezTo>
                    <a:pt x="109755" y="168103"/>
                    <a:pt x="99002" y="162126"/>
                    <a:pt x="81574" y="154655"/>
                  </a:cubicBezTo>
                  <a:cubicBezTo>
                    <a:pt x="49686" y="141580"/>
                    <a:pt x="28922" y="130000"/>
                    <a:pt x="18910" y="120661"/>
                  </a:cubicBezTo>
                  <a:cubicBezTo>
                    <a:pt x="6303" y="107959"/>
                    <a:pt x="0" y="92643"/>
                    <a:pt x="0" y="73965"/>
                  </a:cubicBezTo>
                  <a:cubicBezTo>
                    <a:pt x="0" y="50057"/>
                    <a:pt x="8899" y="31379"/>
                    <a:pt x="27438" y="19052"/>
                  </a:cubicBezTo>
                  <a:cubicBezTo>
                    <a:pt x="45237" y="6351"/>
                    <a:pt x="68967" y="0"/>
                    <a:pt x="97518" y="0"/>
                  </a:cubicBezTo>
                  <a:close/>
                </a:path>
              </a:pathLst>
            </a:custGeom>
            <a:solidFill>
              <a:srgbClr val="009999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1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"/>
                <a:cs typeface=""/>
              </a:endParaRPr>
            </a:p>
          </p:txBody>
        </p:sp>
        <p:sp>
          <p:nvSpPr>
            <p:cNvPr id="498" name="Freihandform 497"/>
            <p:cNvSpPr>
              <a:spLocks noChangeAspect="1" noChangeArrowheads="1"/>
            </p:cNvSpPr>
            <p:nvPr/>
          </p:nvSpPr>
          <p:spPr bwMode="auto">
            <a:xfrm>
              <a:off x="6613648" y="2798826"/>
              <a:ext cx="2292197" cy="316855"/>
            </a:xfrm>
            <a:custGeom>
              <a:avLst/>
              <a:gdLst>
                <a:gd name="connsiteX0" fmla="*/ 561040 w 2292197"/>
                <a:gd name="connsiteY0" fmla="*/ 133276 h 316856"/>
                <a:gd name="connsiteX1" fmla="*/ 514756 w 2292197"/>
                <a:gd name="connsiteY1" fmla="*/ 208959 h 316856"/>
                <a:gd name="connsiteX2" fmla="*/ 553264 w 2292197"/>
                <a:gd name="connsiteY2" fmla="*/ 272711 h 316856"/>
                <a:gd name="connsiteX3" fmla="*/ 587329 w 2292197"/>
                <a:gd name="connsiteY3" fmla="*/ 241394 h 316856"/>
                <a:gd name="connsiteX4" fmla="*/ 587329 w 2292197"/>
                <a:gd name="connsiteY4" fmla="*/ 137750 h 316856"/>
                <a:gd name="connsiteX5" fmla="*/ 561040 w 2292197"/>
                <a:gd name="connsiteY5" fmla="*/ 133276 h 316856"/>
                <a:gd name="connsiteX6" fmla="*/ 1864005 w 2292197"/>
                <a:gd name="connsiteY6" fmla="*/ 131508 h 316856"/>
                <a:gd name="connsiteX7" fmla="*/ 1819277 w 2292197"/>
                <a:gd name="connsiteY7" fmla="*/ 188681 h 316856"/>
                <a:gd name="connsiteX8" fmla="*/ 1885623 w 2292197"/>
                <a:gd name="connsiteY8" fmla="*/ 152434 h 316856"/>
                <a:gd name="connsiteX9" fmla="*/ 1864005 w 2292197"/>
                <a:gd name="connsiteY9" fmla="*/ 131508 h 316856"/>
                <a:gd name="connsiteX10" fmla="*/ 1660732 w 2292197"/>
                <a:gd name="connsiteY10" fmla="*/ 131508 h 316856"/>
                <a:gd name="connsiteX11" fmla="*/ 1615632 w 2292197"/>
                <a:gd name="connsiteY11" fmla="*/ 188681 h 316856"/>
                <a:gd name="connsiteX12" fmla="*/ 1681977 w 2292197"/>
                <a:gd name="connsiteY12" fmla="*/ 152434 h 316856"/>
                <a:gd name="connsiteX13" fmla="*/ 1660732 w 2292197"/>
                <a:gd name="connsiteY13" fmla="*/ 131508 h 316856"/>
                <a:gd name="connsiteX14" fmla="*/ 351674 w 2292197"/>
                <a:gd name="connsiteY14" fmla="*/ 131508 h 316856"/>
                <a:gd name="connsiteX15" fmla="*/ 306574 w 2292197"/>
                <a:gd name="connsiteY15" fmla="*/ 188681 h 316856"/>
                <a:gd name="connsiteX16" fmla="*/ 372919 w 2292197"/>
                <a:gd name="connsiteY16" fmla="*/ 152434 h 316856"/>
                <a:gd name="connsiteX17" fmla="*/ 351674 w 2292197"/>
                <a:gd name="connsiteY17" fmla="*/ 131508 h 316856"/>
                <a:gd name="connsiteX18" fmla="*/ 1234395 w 2292197"/>
                <a:gd name="connsiteY18" fmla="*/ 96976 h 316856"/>
                <a:gd name="connsiteX19" fmla="*/ 1293037 w 2292197"/>
                <a:gd name="connsiteY19" fmla="*/ 96976 h 316856"/>
                <a:gd name="connsiteX20" fmla="*/ 1293037 w 2292197"/>
                <a:gd name="connsiteY20" fmla="*/ 310280 h 316856"/>
                <a:gd name="connsiteX21" fmla="*/ 1263529 w 2292197"/>
                <a:gd name="connsiteY21" fmla="*/ 310280 h 316856"/>
                <a:gd name="connsiteX22" fmla="*/ 1234395 w 2292197"/>
                <a:gd name="connsiteY22" fmla="*/ 310280 h 316856"/>
                <a:gd name="connsiteX23" fmla="*/ 2081174 w 2292197"/>
                <a:gd name="connsiteY23" fmla="*/ 90402 h 316856"/>
                <a:gd name="connsiteX24" fmla="*/ 2115969 w 2292197"/>
                <a:gd name="connsiteY24" fmla="*/ 97838 h 316856"/>
                <a:gd name="connsiteX25" fmla="*/ 2105604 w 2292197"/>
                <a:gd name="connsiteY25" fmla="*/ 148028 h 316856"/>
                <a:gd name="connsiteX26" fmla="*/ 2075991 w 2292197"/>
                <a:gd name="connsiteY26" fmla="*/ 140593 h 316856"/>
                <a:gd name="connsiteX27" fmla="*/ 2040826 w 2292197"/>
                <a:gd name="connsiteY27" fmla="*/ 176656 h 316856"/>
                <a:gd name="connsiteX28" fmla="*/ 2040826 w 2292197"/>
                <a:gd name="connsiteY28" fmla="*/ 308638 h 316856"/>
                <a:gd name="connsiteX29" fmla="*/ 1982710 w 2292197"/>
                <a:gd name="connsiteY29" fmla="*/ 308638 h 316856"/>
                <a:gd name="connsiteX30" fmla="*/ 1982710 w 2292197"/>
                <a:gd name="connsiteY30" fmla="*/ 133157 h 316856"/>
                <a:gd name="connsiteX31" fmla="*/ 1978638 w 2292197"/>
                <a:gd name="connsiteY31" fmla="*/ 96351 h 316856"/>
                <a:gd name="connsiteX32" fmla="*/ 2025649 w 2292197"/>
                <a:gd name="connsiteY32" fmla="*/ 96351 h 316856"/>
                <a:gd name="connsiteX33" fmla="*/ 2031202 w 2292197"/>
                <a:gd name="connsiteY33" fmla="*/ 126837 h 316856"/>
                <a:gd name="connsiteX34" fmla="*/ 2081174 w 2292197"/>
                <a:gd name="connsiteY34" fmla="*/ 90402 h 316856"/>
                <a:gd name="connsiteX35" fmla="*/ 1866986 w 2292197"/>
                <a:gd name="connsiteY35" fmla="*/ 90402 h 316856"/>
                <a:gd name="connsiteX36" fmla="*/ 1937059 w 2292197"/>
                <a:gd name="connsiteY36" fmla="*/ 152060 h 316856"/>
                <a:gd name="connsiteX37" fmla="*/ 1821141 w 2292197"/>
                <a:gd name="connsiteY37" fmla="*/ 230534 h 316856"/>
                <a:gd name="connsiteX38" fmla="*/ 1869595 w 2292197"/>
                <a:gd name="connsiteY38" fmla="*/ 272013 h 316856"/>
                <a:gd name="connsiteX39" fmla="*/ 1922150 w 2292197"/>
                <a:gd name="connsiteY39" fmla="*/ 254076 h 316856"/>
                <a:gd name="connsiteX40" fmla="*/ 1938923 w 2292197"/>
                <a:gd name="connsiteY40" fmla="*/ 293313 h 316856"/>
                <a:gd name="connsiteX41" fmla="*/ 1862141 w 2292197"/>
                <a:gd name="connsiteY41" fmla="*/ 316855 h 316856"/>
                <a:gd name="connsiteX42" fmla="*/ 1762250 w 2292197"/>
                <a:gd name="connsiteY42" fmla="*/ 208487 h 316856"/>
                <a:gd name="connsiteX43" fmla="*/ 1866986 w 2292197"/>
                <a:gd name="connsiteY43" fmla="*/ 90402 h 316856"/>
                <a:gd name="connsiteX44" fmla="*/ 1663713 w 2292197"/>
                <a:gd name="connsiteY44" fmla="*/ 90402 h 316856"/>
                <a:gd name="connsiteX45" fmla="*/ 1733413 w 2292197"/>
                <a:gd name="connsiteY45" fmla="*/ 152060 h 316856"/>
                <a:gd name="connsiteX46" fmla="*/ 1617868 w 2292197"/>
                <a:gd name="connsiteY46" fmla="*/ 230534 h 316856"/>
                <a:gd name="connsiteX47" fmla="*/ 1666322 w 2292197"/>
                <a:gd name="connsiteY47" fmla="*/ 272013 h 316856"/>
                <a:gd name="connsiteX48" fmla="*/ 1718504 w 2292197"/>
                <a:gd name="connsiteY48" fmla="*/ 254076 h 316856"/>
                <a:gd name="connsiteX49" fmla="*/ 1735650 w 2292197"/>
                <a:gd name="connsiteY49" fmla="*/ 293313 h 316856"/>
                <a:gd name="connsiteX50" fmla="*/ 1658495 w 2292197"/>
                <a:gd name="connsiteY50" fmla="*/ 316855 h 316856"/>
                <a:gd name="connsiteX51" fmla="*/ 1558977 w 2292197"/>
                <a:gd name="connsiteY51" fmla="*/ 208487 h 316856"/>
                <a:gd name="connsiteX52" fmla="*/ 1663713 w 2292197"/>
                <a:gd name="connsiteY52" fmla="*/ 90402 h 316856"/>
                <a:gd name="connsiteX53" fmla="*/ 1457145 w 2292197"/>
                <a:gd name="connsiteY53" fmla="*/ 90402 h 316856"/>
                <a:gd name="connsiteX54" fmla="*/ 1524180 w 2292197"/>
                <a:gd name="connsiteY54" fmla="*/ 164015 h 316856"/>
                <a:gd name="connsiteX55" fmla="*/ 1524180 w 2292197"/>
                <a:gd name="connsiteY55" fmla="*/ 308638 h 316856"/>
                <a:gd name="connsiteX56" fmla="*/ 1465710 w 2292197"/>
                <a:gd name="connsiteY56" fmla="*/ 308638 h 316856"/>
                <a:gd name="connsiteX57" fmla="*/ 1465710 w 2292197"/>
                <a:gd name="connsiteY57" fmla="*/ 174797 h 316856"/>
                <a:gd name="connsiteX58" fmla="*/ 1439641 w 2292197"/>
                <a:gd name="connsiteY58" fmla="*/ 134644 h 316856"/>
                <a:gd name="connsiteX59" fmla="*/ 1403516 w 2292197"/>
                <a:gd name="connsiteY59" fmla="*/ 172566 h 316856"/>
                <a:gd name="connsiteX60" fmla="*/ 1403516 w 2292197"/>
                <a:gd name="connsiteY60" fmla="*/ 308638 h 316856"/>
                <a:gd name="connsiteX61" fmla="*/ 1345047 w 2292197"/>
                <a:gd name="connsiteY61" fmla="*/ 308638 h 316856"/>
                <a:gd name="connsiteX62" fmla="*/ 1345047 w 2292197"/>
                <a:gd name="connsiteY62" fmla="*/ 135760 h 316856"/>
                <a:gd name="connsiteX63" fmla="*/ 1340950 w 2292197"/>
                <a:gd name="connsiteY63" fmla="*/ 96351 h 316856"/>
                <a:gd name="connsiteX64" fmla="*/ 1389737 w 2292197"/>
                <a:gd name="connsiteY64" fmla="*/ 96351 h 316856"/>
                <a:gd name="connsiteX65" fmla="*/ 1393834 w 2292197"/>
                <a:gd name="connsiteY65" fmla="*/ 121632 h 316856"/>
                <a:gd name="connsiteX66" fmla="*/ 1457145 w 2292197"/>
                <a:gd name="connsiteY66" fmla="*/ 90402 h 316856"/>
                <a:gd name="connsiteX67" fmla="*/ 568075 w 2292197"/>
                <a:gd name="connsiteY67" fmla="*/ 90402 h 316856"/>
                <a:gd name="connsiteX68" fmla="*/ 644721 w 2292197"/>
                <a:gd name="connsiteY68" fmla="*/ 105688 h 316856"/>
                <a:gd name="connsiteX69" fmla="*/ 644721 w 2292197"/>
                <a:gd name="connsiteY69" fmla="*/ 266746 h 316856"/>
                <a:gd name="connsiteX70" fmla="*/ 648794 w 2292197"/>
                <a:gd name="connsiteY70" fmla="*/ 309247 h 316856"/>
                <a:gd name="connsiteX71" fmla="*/ 599178 w 2292197"/>
                <a:gd name="connsiteY71" fmla="*/ 309247 h 316856"/>
                <a:gd name="connsiteX72" fmla="*/ 596215 w 2292197"/>
                <a:gd name="connsiteY72" fmla="*/ 287624 h 316856"/>
                <a:gd name="connsiteX73" fmla="*/ 594364 w 2292197"/>
                <a:gd name="connsiteY73" fmla="*/ 287251 h 316856"/>
                <a:gd name="connsiteX74" fmla="*/ 538083 w 2292197"/>
                <a:gd name="connsiteY74" fmla="*/ 315212 h 316856"/>
                <a:gd name="connsiteX75" fmla="*/ 457365 w 2292197"/>
                <a:gd name="connsiteY75" fmla="*/ 212314 h 316856"/>
                <a:gd name="connsiteX76" fmla="*/ 568075 w 2292197"/>
                <a:gd name="connsiteY76" fmla="*/ 90402 h 316856"/>
                <a:gd name="connsiteX77" fmla="*/ 353910 w 2292197"/>
                <a:gd name="connsiteY77" fmla="*/ 90402 h 316856"/>
                <a:gd name="connsiteX78" fmla="*/ 423983 w 2292197"/>
                <a:gd name="connsiteY78" fmla="*/ 152060 h 316856"/>
                <a:gd name="connsiteX79" fmla="*/ 308065 w 2292197"/>
                <a:gd name="connsiteY79" fmla="*/ 230534 h 316856"/>
                <a:gd name="connsiteX80" fmla="*/ 356519 w 2292197"/>
                <a:gd name="connsiteY80" fmla="*/ 272013 h 316856"/>
                <a:gd name="connsiteX81" fmla="*/ 409073 w 2292197"/>
                <a:gd name="connsiteY81" fmla="*/ 254076 h 316856"/>
                <a:gd name="connsiteX82" fmla="*/ 425846 w 2292197"/>
                <a:gd name="connsiteY82" fmla="*/ 293313 h 316856"/>
                <a:gd name="connsiteX83" fmla="*/ 349065 w 2292197"/>
                <a:gd name="connsiteY83" fmla="*/ 316855 h 316856"/>
                <a:gd name="connsiteX84" fmla="*/ 249174 w 2292197"/>
                <a:gd name="connsiteY84" fmla="*/ 208487 h 316856"/>
                <a:gd name="connsiteX85" fmla="*/ 353910 w 2292197"/>
                <a:gd name="connsiteY85" fmla="*/ 90402 h 316856"/>
                <a:gd name="connsiteX86" fmla="*/ 2208041 w 2292197"/>
                <a:gd name="connsiteY86" fmla="*/ 90249 h 316856"/>
                <a:gd name="connsiteX87" fmla="*/ 2277182 w 2292197"/>
                <a:gd name="connsiteY87" fmla="*/ 108139 h 316856"/>
                <a:gd name="connsiteX88" fmla="*/ 2277182 w 2292197"/>
                <a:gd name="connsiteY88" fmla="*/ 108512 h 316856"/>
                <a:gd name="connsiteX89" fmla="*/ 2259711 w 2292197"/>
                <a:gd name="connsiteY89" fmla="*/ 148764 h 316856"/>
                <a:gd name="connsiteX90" fmla="*/ 2213245 w 2292197"/>
                <a:gd name="connsiteY90" fmla="*/ 131620 h 316856"/>
                <a:gd name="connsiteX91" fmla="*/ 2189455 w 2292197"/>
                <a:gd name="connsiteY91" fmla="*/ 152119 h 316856"/>
                <a:gd name="connsiteX92" fmla="*/ 2224025 w 2292197"/>
                <a:gd name="connsiteY92" fmla="*/ 177836 h 316856"/>
                <a:gd name="connsiteX93" fmla="*/ 2292050 w 2292197"/>
                <a:gd name="connsiteY93" fmla="*/ 238960 h 316856"/>
                <a:gd name="connsiteX94" fmla="*/ 2214360 w 2292197"/>
                <a:gd name="connsiteY94" fmla="*/ 314993 h 316856"/>
                <a:gd name="connsiteX95" fmla="*/ 2133325 w 2292197"/>
                <a:gd name="connsiteY95" fmla="*/ 297103 h 316856"/>
                <a:gd name="connsiteX96" fmla="*/ 2150796 w 2292197"/>
                <a:gd name="connsiteY96" fmla="*/ 257223 h 316856"/>
                <a:gd name="connsiteX97" fmla="*/ 2208784 w 2292197"/>
                <a:gd name="connsiteY97" fmla="*/ 272504 h 316856"/>
                <a:gd name="connsiteX98" fmla="*/ 2234433 w 2292197"/>
                <a:gd name="connsiteY98" fmla="*/ 249023 h 316856"/>
                <a:gd name="connsiteX99" fmla="*/ 2199863 w 2292197"/>
                <a:gd name="connsiteY99" fmla="*/ 224424 h 316856"/>
                <a:gd name="connsiteX100" fmla="*/ 2133325 w 2292197"/>
                <a:gd name="connsiteY100" fmla="*/ 162555 h 316856"/>
                <a:gd name="connsiteX101" fmla="*/ 2208041 w 2292197"/>
                <a:gd name="connsiteY101" fmla="*/ 90249 h 316856"/>
                <a:gd name="connsiteX102" fmla="*/ 1004892 w 2292197"/>
                <a:gd name="connsiteY102" fmla="*/ 31230 h 316856"/>
                <a:gd name="connsiteX103" fmla="*/ 1063095 w 2292197"/>
                <a:gd name="connsiteY103" fmla="*/ 31230 h 316856"/>
                <a:gd name="connsiteX104" fmla="*/ 1063095 w 2292197"/>
                <a:gd name="connsiteY104" fmla="*/ 112822 h 316856"/>
                <a:gd name="connsiteX105" fmla="*/ 1115736 w 2292197"/>
                <a:gd name="connsiteY105" fmla="*/ 90841 h 316856"/>
                <a:gd name="connsiteX106" fmla="*/ 1183207 w 2292197"/>
                <a:gd name="connsiteY106" fmla="*/ 165727 h 316856"/>
                <a:gd name="connsiteX107" fmla="*/ 1183207 w 2292197"/>
                <a:gd name="connsiteY107" fmla="*/ 310283 h 316856"/>
                <a:gd name="connsiteX108" fmla="*/ 1125004 w 2292197"/>
                <a:gd name="connsiteY108" fmla="*/ 310283 h 316856"/>
                <a:gd name="connsiteX109" fmla="*/ 1125004 w 2292197"/>
                <a:gd name="connsiteY109" fmla="*/ 174668 h 316856"/>
                <a:gd name="connsiteX110" fmla="*/ 1098313 w 2292197"/>
                <a:gd name="connsiteY110" fmla="*/ 136294 h 316856"/>
                <a:gd name="connsiteX111" fmla="*/ 1062353 w 2292197"/>
                <a:gd name="connsiteY111" fmla="*/ 173178 h 316856"/>
                <a:gd name="connsiteX112" fmla="*/ 1062353 w 2292197"/>
                <a:gd name="connsiteY112" fmla="*/ 310283 h 316856"/>
                <a:gd name="connsiteX113" fmla="*/ 1004892 w 2292197"/>
                <a:gd name="connsiteY113" fmla="*/ 310283 h 316856"/>
                <a:gd name="connsiteX114" fmla="*/ 842391 w 2292197"/>
                <a:gd name="connsiteY114" fmla="*/ 31230 h 316856"/>
                <a:gd name="connsiteX115" fmla="*/ 900136 w 2292197"/>
                <a:gd name="connsiteY115" fmla="*/ 31230 h 316856"/>
                <a:gd name="connsiteX116" fmla="*/ 900136 w 2292197"/>
                <a:gd name="connsiteY116" fmla="*/ 97603 h 316856"/>
                <a:gd name="connsiteX117" fmla="*/ 954920 w 2292197"/>
                <a:gd name="connsiteY117" fmla="*/ 97603 h 316856"/>
                <a:gd name="connsiteX118" fmla="*/ 954920 w 2292197"/>
                <a:gd name="connsiteY118" fmla="*/ 143467 h 316856"/>
                <a:gd name="connsiteX119" fmla="*/ 900877 w 2292197"/>
                <a:gd name="connsiteY119" fmla="*/ 143467 h 316856"/>
                <a:gd name="connsiteX120" fmla="*/ 900877 w 2292197"/>
                <a:gd name="connsiteY120" fmla="*/ 238551 h 316856"/>
                <a:gd name="connsiteX121" fmla="*/ 921236 w 2292197"/>
                <a:gd name="connsiteY121" fmla="*/ 270992 h 316856"/>
                <a:gd name="connsiteX122" fmla="*/ 946407 w 2292197"/>
                <a:gd name="connsiteY122" fmla="*/ 264653 h 316856"/>
                <a:gd name="connsiteX123" fmla="*/ 958622 w 2292197"/>
                <a:gd name="connsiteY123" fmla="*/ 303433 h 316856"/>
                <a:gd name="connsiteX124" fmla="*/ 905689 w 2292197"/>
                <a:gd name="connsiteY124" fmla="*/ 316856 h 316856"/>
                <a:gd name="connsiteX125" fmla="*/ 842391 w 2292197"/>
                <a:gd name="connsiteY125" fmla="*/ 247128 h 316856"/>
                <a:gd name="connsiteX126" fmla="*/ 842391 w 2292197"/>
                <a:gd name="connsiteY126" fmla="*/ 143467 h 316856"/>
                <a:gd name="connsiteX127" fmla="*/ 809816 w 2292197"/>
                <a:gd name="connsiteY127" fmla="*/ 143467 h 316856"/>
                <a:gd name="connsiteX128" fmla="*/ 809816 w 2292197"/>
                <a:gd name="connsiteY128" fmla="*/ 97603 h 316856"/>
                <a:gd name="connsiteX129" fmla="*/ 842391 w 2292197"/>
                <a:gd name="connsiteY129" fmla="*/ 97603 h 316856"/>
                <a:gd name="connsiteX130" fmla="*/ 698343 w 2292197"/>
                <a:gd name="connsiteY130" fmla="*/ 31230 h 316856"/>
                <a:gd name="connsiteX131" fmla="*/ 756722 w 2292197"/>
                <a:gd name="connsiteY131" fmla="*/ 31230 h 316856"/>
                <a:gd name="connsiteX132" fmla="*/ 756722 w 2292197"/>
                <a:gd name="connsiteY132" fmla="*/ 238449 h 316856"/>
                <a:gd name="connsiteX133" fmla="*/ 777045 w 2292197"/>
                <a:gd name="connsiteY133" fmla="*/ 270932 h 316856"/>
                <a:gd name="connsiteX134" fmla="*/ 802170 w 2292197"/>
                <a:gd name="connsiteY134" fmla="*/ 264584 h 316856"/>
                <a:gd name="connsiteX135" fmla="*/ 814364 w 2292197"/>
                <a:gd name="connsiteY135" fmla="*/ 303415 h 316856"/>
                <a:gd name="connsiteX136" fmla="*/ 761895 w 2292197"/>
                <a:gd name="connsiteY136" fmla="*/ 316856 h 316856"/>
                <a:gd name="connsiteX137" fmla="*/ 698343 w 2292197"/>
                <a:gd name="connsiteY137" fmla="*/ 247036 h 316856"/>
                <a:gd name="connsiteX138" fmla="*/ 0 w 2292197"/>
                <a:gd name="connsiteY138" fmla="*/ 31230 h 316856"/>
                <a:gd name="connsiteX139" fmla="*/ 59654 w 2292197"/>
                <a:gd name="connsiteY139" fmla="*/ 31230 h 316856"/>
                <a:gd name="connsiteX140" fmla="*/ 59654 w 2292197"/>
                <a:gd name="connsiteY140" fmla="*/ 142255 h 316856"/>
                <a:gd name="connsiteX141" fmla="*/ 145779 w 2292197"/>
                <a:gd name="connsiteY141" fmla="*/ 142255 h 316856"/>
                <a:gd name="connsiteX142" fmla="*/ 145779 w 2292197"/>
                <a:gd name="connsiteY142" fmla="*/ 31230 h 316856"/>
                <a:gd name="connsiteX143" fmla="*/ 206179 w 2292197"/>
                <a:gd name="connsiteY143" fmla="*/ 31230 h 316856"/>
                <a:gd name="connsiteX144" fmla="*/ 206179 w 2292197"/>
                <a:gd name="connsiteY144" fmla="*/ 310283 h 316856"/>
                <a:gd name="connsiteX145" fmla="*/ 145779 w 2292197"/>
                <a:gd name="connsiteY145" fmla="*/ 310283 h 316856"/>
                <a:gd name="connsiteX146" fmla="*/ 145779 w 2292197"/>
                <a:gd name="connsiteY146" fmla="*/ 194787 h 316856"/>
                <a:gd name="connsiteX147" fmla="*/ 59654 w 2292197"/>
                <a:gd name="connsiteY147" fmla="*/ 194787 h 316856"/>
                <a:gd name="connsiteX148" fmla="*/ 59654 w 2292197"/>
                <a:gd name="connsiteY148" fmla="*/ 310283 h 316856"/>
                <a:gd name="connsiteX149" fmla="*/ 0 w 2292197"/>
                <a:gd name="connsiteY149" fmla="*/ 310283 h 316856"/>
                <a:gd name="connsiteX150" fmla="*/ 1262898 w 2292197"/>
                <a:gd name="connsiteY150" fmla="*/ 0 h 316856"/>
                <a:gd name="connsiteX151" fmla="*/ 1294680 w 2292197"/>
                <a:gd name="connsiteY151" fmla="*/ 30408 h 316856"/>
                <a:gd name="connsiteX152" fmla="*/ 1262898 w 2292197"/>
                <a:gd name="connsiteY152" fmla="*/ 60442 h 316856"/>
                <a:gd name="connsiteX153" fmla="*/ 1231116 w 2292197"/>
                <a:gd name="connsiteY153" fmla="*/ 30408 h 316856"/>
                <a:gd name="connsiteX154" fmla="*/ 1262898 w 2292197"/>
                <a:gd name="connsiteY154" fmla="*/ 0 h 31685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2292197" h="316856">
                  <a:moveTo>
                    <a:pt x="561040" y="133276"/>
                  </a:moveTo>
                  <a:cubicBezTo>
                    <a:pt x="526975" y="133276"/>
                    <a:pt x="514756" y="167576"/>
                    <a:pt x="514756" y="208959"/>
                  </a:cubicBezTo>
                  <a:cubicBezTo>
                    <a:pt x="514756" y="242885"/>
                    <a:pt x="522532" y="272711"/>
                    <a:pt x="553264" y="272711"/>
                  </a:cubicBezTo>
                  <a:cubicBezTo>
                    <a:pt x="575110" y="272711"/>
                    <a:pt x="587329" y="256680"/>
                    <a:pt x="587329" y="241394"/>
                  </a:cubicBezTo>
                  <a:lnTo>
                    <a:pt x="587329" y="137750"/>
                  </a:lnTo>
                  <a:cubicBezTo>
                    <a:pt x="581775" y="135140"/>
                    <a:pt x="572148" y="133276"/>
                    <a:pt x="561040" y="133276"/>
                  </a:cubicBezTo>
                  <a:close/>
                  <a:moveTo>
                    <a:pt x="1864005" y="131508"/>
                  </a:moveTo>
                  <a:cubicBezTo>
                    <a:pt x="1835677" y="131508"/>
                    <a:pt x="1820768" y="159908"/>
                    <a:pt x="1819277" y="188681"/>
                  </a:cubicBezTo>
                  <a:cubicBezTo>
                    <a:pt x="1846486" y="187934"/>
                    <a:pt x="1885623" y="181208"/>
                    <a:pt x="1885623" y="152434"/>
                  </a:cubicBezTo>
                  <a:cubicBezTo>
                    <a:pt x="1885623" y="139355"/>
                    <a:pt x="1877795" y="131508"/>
                    <a:pt x="1864005" y="131508"/>
                  </a:cubicBezTo>
                  <a:close/>
                  <a:moveTo>
                    <a:pt x="1660732" y="131508"/>
                  </a:moveTo>
                  <a:cubicBezTo>
                    <a:pt x="1632032" y="131508"/>
                    <a:pt x="1617123" y="159908"/>
                    <a:pt x="1615632" y="188681"/>
                  </a:cubicBezTo>
                  <a:cubicBezTo>
                    <a:pt x="1643213" y="187934"/>
                    <a:pt x="1681977" y="181208"/>
                    <a:pt x="1681977" y="152434"/>
                  </a:cubicBezTo>
                  <a:cubicBezTo>
                    <a:pt x="1681977" y="139355"/>
                    <a:pt x="1673777" y="131508"/>
                    <a:pt x="1660732" y="131508"/>
                  </a:cubicBezTo>
                  <a:close/>
                  <a:moveTo>
                    <a:pt x="351674" y="131508"/>
                  </a:moveTo>
                  <a:cubicBezTo>
                    <a:pt x="322974" y="131508"/>
                    <a:pt x="308065" y="159908"/>
                    <a:pt x="306574" y="188681"/>
                  </a:cubicBezTo>
                  <a:cubicBezTo>
                    <a:pt x="334155" y="187934"/>
                    <a:pt x="372919" y="181208"/>
                    <a:pt x="372919" y="152434"/>
                  </a:cubicBezTo>
                  <a:cubicBezTo>
                    <a:pt x="372919" y="139355"/>
                    <a:pt x="364719" y="131508"/>
                    <a:pt x="351674" y="131508"/>
                  </a:cubicBezTo>
                  <a:close/>
                  <a:moveTo>
                    <a:pt x="1234395" y="96976"/>
                  </a:moveTo>
                  <a:lnTo>
                    <a:pt x="1293037" y="96976"/>
                  </a:lnTo>
                  <a:lnTo>
                    <a:pt x="1293037" y="310280"/>
                  </a:lnTo>
                  <a:lnTo>
                    <a:pt x="1263529" y="310280"/>
                  </a:lnTo>
                  <a:lnTo>
                    <a:pt x="1234395" y="310280"/>
                  </a:lnTo>
                  <a:close/>
                  <a:moveTo>
                    <a:pt x="2081174" y="90402"/>
                  </a:moveTo>
                  <a:cubicBezTo>
                    <a:pt x="2093389" y="90402"/>
                    <a:pt x="2105975" y="92261"/>
                    <a:pt x="2115969" y="97838"/>
                  </a:cubicBezTo>
                  <a:lnTo>
                    <a:pt x="2105604" y="148028"/>
                  </a:lnTo>
                  <a:cubicBezTo>
                    <a:pt x="2096721" y="143567"/>
                    <a:pt x="2086726" y="140593"/>
                    <a:pt x="2075991" y="140593"/>
                  </a:cubicBezTo>
                  <a:cubicBezTo>
                    <a:pt x="2054892" y="140593"/>
                    <a:pt x="2041566" y="154720"/>
                    <a:pt x="2040826" y="176656"/>
                  </a:cubicBezTo>
                  <a:lnTo>
                    <a:pt x="2040826" y="308638"/>
                  </a:lnTo>
                  <a:lnTo>
                    <a:pt x="1982710" y="308638"/>
                  </a:lnTo>
                  <a:lnTo>
                    <a:pt x="1982710" y="133157"/>
                  </a:lnTo>
                  <a:lnTo>
                    <a:pt x="1978638" y="96351"/>
                  </a:lnTo>
                  <a:lnTo>
                    <a:pt x="2025649" y="96351"/>
                  </a:lnTo>
                  <a:lnTo>
                    <a:pt x="2031202" y="126837"/>
                  </a:lnTo>
                  <a:cubicBezTo>
                    <a:pt x="2041196" y="102299"/>
                    <a:pt x="2061555" y="90402"/>
                    <a:pt x="2081174" y="90402"/>
                  </a:cubicBezTo>
                  <a:close/>
                  <a:moveTo>
                    <a:pt x="1866986" y="90402"/>
                  </a:moveTo>
                  <a:cubicBezTo>
                    <a:pt x="1909477" y="90402"/>
                    <a:pt x="1937059" y="111702"/>
                    <a:pt x="1937059" y="152060"/>
                  </a:cubicBezTo>
                  <a:cubicBezTo>
                    <a:pt x="1937059" y="215213"/>
                    <a:pt x="1872577" y="227545"/>
                    <a:pt x="1821141" y="230534"/>
                  </a:cubicBezTo>
                  <a:cubicBezTo>
                    <a:pt x="1824123" y="250713"/>
                    <a:pt x="1837541" y="272013"/>
                    <a:pt x="1869595" y="272013"/>
                  </a:cubicBezTo>
                  <a:cubicBezTo>
                    <a:pt x="1891959" y="272013"/>
                    <a:pt x="1910223" y="262297"/>
                    <a:pt x="1922150" y="254076"/>
                  </a:cubicBezTo>
                  <a:lnTo>
                    <a:pt x="1938923" y="293313"/>
                  </a:lnTo>
                  <a:cubicBezTo>
                    <a:pt x="1934077" y="297050"/>
                    <a:pt x="1904632" y="316855"/>
                    <a:pt x="1862141" y="316855"/>
                  </a:cubicBezTo>
                  <a:cubicBezTo>
                    <a:pt x="1790577" y="316855"/>
                    <a:pt x="1762250" y="271640"/>
                    <a:pt x="1762250" y="208487"/>
                  </a:cubicBezTo>
                  <a:cubicBezTo>
                    <a:pt x="1762250" y="146829"/>
                    <a:pt x="1798405" y="90402"/>
                    <a:pt x="1866986" y="90402"/>
                  </a:cubicBezTo>
                  <a:close/>
                  <a:moveTo>
                    <a:pt x="1663713" y="90402"/>
                  </a:moveTo>
                  <a:cubicBezTo>
                    <a:pt x="1706204" y="90402"/>
                    <a:pt x="1733413" y="111702"/>
                    <a:pt x="1733413" y="152060"/>
                  </a:cubicBezTo>
                  <a:cubicBezTo>
                    <a:pt x="1733413" y="215213"/>
                    <a:pt x="1669304" y="227545"/>
                    <a:pt x="1617868" y="230534"/>
                  </a:cubicBezTo>
                  <a:cubicBezTo>
                    <a:pt x="1620850" y="250713"/>
                    <a:pt x="1634268" y="272013"/>
                    <a:pt x="1666322" y="272013"/>
                  </a:cubicBezTo>
                  <a:cubicBezTo>
                    <a:pt x="1688686" y="272013"/>
                    <a:pt x="1706577" y="262297"/>
                    <a:pt x="1718504" y="254076"/>
                  </a:cubicBezTo>
                  <a:lnTo>
                    <a:pt x="1735650" y="293313"/>
                  </a:lnTo>
                  <a:cubicBezTo>
                    <a:pt x="1730431" y="297050"/>
                    <a:pt x="1700986" y="316855"/>
                    <a:pt x="1658495" y="316855"/>
                  </a:cubicBezTo>
                  <a:cubicBezTo>
                    <a:pt x="1587304" y="316855"/>
                    <a:pt x="1558977" y="271640"/>
                    <a:pt x="1558977" y="208487"/>
                  </a:cubicBezTo>
                  <a:cubicBezTo>
                    <a:pt x="1558977" y="146829"/>
                    <a:pt x="1594759" y="90402"/>
                    <a:pt x="1663713" y="90402"/>
                  </a:cubicBezTo>
                  <a:close/>
                  <a:moveTo>
                    <a:pt x="1457145" y="90402"/>
                  </a:moveTo>
                  <a:cubicBezTo>
                    <a:pt x="1498483" y="90402"/>
                    <a:pt x="1524180" y="113824"/>
                    <a:pt x="1524180" y="164015"/>
                  </a:cubicBezTo>
                  <a:lnTo>
                    <a:pt x="1524180" y="308638"/>
                  </a:lnTo>
                  <a:lnTo>
                    <a:pt x="1465710" y="308638"/>
                  </a:lnTo>
                  <a:lnTo>
                    <a:pt x="1465710" y="174797"/>
                  </a:lnTo>
                  <a:cubicBezTo>
                    <a:pt x="1465710" y="152118"/>
                    <a:pt x="1462358" y="134644"/>
                    <a:pt x="1439641" y="134644"/>
                  </a:cubicBezTo>
                  <a:cubicBezTo>
                    <a:pt x="1417668" y="134644"/>
                    <a:pt x="1403516" y="152490"/>
                    <a:pt x="1403516" y="172566"/>
                  </a:cubicBezTo>
                  <a:lnTo>
                    <a:pt x="1403516" y="308638"/>
                  </a:lnTo>
                  <a:lnTo>
                    <a:pt x="1345047" y="308638"/>
                  </a:lnTo>
                  <a:lnTo>
                    <a:pt x="1345047" y="135760"/>
                  </a:lnTo>
                  <a:lnTo>
                    <a:pt x="1340950" y="96351"/>
                  </a:lnTo>
                  <a:lnTo>
                    <a:pt x="1389737" y="96351"/>
                  </a:lnTo>
                  <a:lnTo>
                    <a:pt x="1393834" y="121632"/>
                  </a:lnTo>
                  <a:cubicBezTo>
                    <a:pt x="1407985" y="102299"/>
                    <a:pt x="1429213" y="90402"/>
                    <a:pt x="1457145" y="90402"/>
                  </a:cubicBezTo>
                  <a:close/>
                  <a:moveTo>
                    <a:pt x="568075" y="90402"/>
                  </a:moveTo>
                  <a:cubicBezTo>
                    <a:pt x="582516" y="90402"/>
                    <a:pt x="613248" y="93758"/>
                    <a:pt x="644721" y="105688"/>
                  </a:cubicBezTo>
                  <a:lnTo>
                    <a:pt x="644721" y="266746"/>
                  </a:lnTo>
                  <a:lnTo>
                    <a:pt x="648794" y="309247"/>
                  </a:lnTo>
                  <a:lnTo>
                    <a:pt x="599178" y="309247"/>
                  </a:lnTo>
                  <a:lnTo>
                    <a:pt x="596215" y="287624"/>
                  </a:lnTo>
                  <a:lnTo>
                    <a:pt x="594364" y="287251"/>
                  </a:lnTo>
                  <a:cubicBezTo>
                    <a:pt x="581775" y="306637"/>
                    <a:pt x="560670" y="315212"/>
                    <a:pt x="538083" y="315212"/>
                  </a:cubicBezTo>
                  <a:cubicBezTo>
                    <a:pt x="477730" y="315212"/>
                    <a:pt x="457365" y="269356"/>
                    <a:pt x="457365" y="212314"/>
                  </a:cubicBezTo>
                  <a:cubicBezTo>
                    <a:pt x="457365" y="138869"/>
                    <a:pt x="494021" y="90402"/>
                    <a:pt x="568075" y="90402"/>
                  </a:cubicBezTo>
                  <a:close/>
                  <a:moveTo>
                    <a:pt x="353910" y="90402"/>
                  </a:moveTo>
                  <a:cubicBezTo>
                    <a:pt x="396401" y="90402"/>
                    <a:pt x="423983" y="111702"/>
                    <a:pt x="423983" y="152060"/>
                  </a:cubicBezTo>
                  <a:cubicBezTo>
                    <a:pt x="423983" y="215213"/>
                    <a:pt x="360246" y="227545"/>
                    <a:pt x="308065" y="230534"/>
                  </a:cubicBezTo>
                  <a:cubicBezTo>
                    <a:pt x="311046" y="250713"/>
                    <a:pt x="324465" y="272013"/>
                    <a:pt x="356519" y="272013"/>
                  </a:cubicBezTo>
                  <a:cubicBezTo>
                    <a:pt x="378883" y="272013"/>
                    <a:pt x="397146" y="262297"/>
                    <a:pt x="409073" y="254076"/>
                  </a:cubicBezTo>
                  <a:lnTo>
                    <a:pt x="425846" y="293313"/>
                  </a:lnTo>
                  <a:cubicBezTo>
                    <a:pt x="421001" y="297050"/>
                    <a:pt x="391555" y="316855"/>
                    <a:pt x="349065" y="316855"/>
                  </a:cubicBezTo>
                  <a:cubicBezTo>
                    <a:pt x="277501" y="316855"/>
                    <a:pt x="249174" y="271640"/>
                    <a:pt x="249174" y="208487"/>
                  </a:cubicBezTo>
                  <a:cubicBezTo>
                    <a:pt x="249174" y="146829"/>
                    <a:pt x="285328" y="90402"/>
                    <a:pt x="353910" y="90402"/>
                  </a:cubicBezTo>
                  <a:close/>
                  <a:moveTo>
                    <a:pt x="2208041" y="90249"/>
                  </a:moveTo>
                  <a:cubicBezTo>
                    <a:pt x="2234433" y="88758"/>
                    <a:pt x="2258595" y="96212"/>
                    <a:pt x="2277182" y="108139"/>
                  </a:cubicBezTo>
                  <a:lnTo>
                    <a:pt x="2277182" y="108512"/>
                  </a:lnTo>
                  <a:lnTo>
                    <a:pt x="2259711" y="148764"/>
                  </a:lnTo>
                  <a:cubicBezTo>
                    <a:pt x="2243355" y="137210"/>
                    <a:pt x="2227742" y="131247"/>
                    <a:pt x="2213245" y="131620"/>
                  </a:cubicBezTo>
                  <a:cubicBezTo>
                    <a:pt x="2199863" y="131992"/>
                    <a:pt x="2189083" y="137956"/>
                    <a:pt x="2189455" y="152119"/>
                  </a:cubicBezTo>
                  <a:cubicBezTo>
                    <a:pt x="2190570" y="168518"/>
                    <a:pt x="2205067" y="172618"/>
                    <a:pt x="2224025" y="177836"/>
                  </a:cubicBezTo>
                  <a:cubicBezTo>
                    <a:pt x="2254878" y="185663"/>
                    <a:pt x="2289448" y="194980"/>
                    <a:pt x="2292050" y="238960"/>
                  </a:cubicBezTo>
                  <a:cubicBezTo>
                    <a:pt x="2294653" y="287040"/>
                    <a:pt x="2262684" y="312384"/>
                    <a:pt x="2214360" y="314993"/>
                  </a:cubicBezTo>
                  <a:cubicBezTo>
                    <a:pt x="2177188" y="316856"/>
                    <a:pt x="2145591" y="304930"/>
                    <a:pt x="2133325" y="297103"/>
                  </a:cubicBezTo>
                  <a:lnTo>
                    <a:pt x="2150796" y="257223"/>
                  </a:lnTo>
                  <a:cubicBezTo>
                    <a:pt x="2166036" y="265050"/>
                    <a:pt x="2189827" y="273622"/>
                    <a:pt x="2208784" y="272504"/>
                  </a:cubicBezTo>
                  <a:cubicBezTo>
                    <a:pt x="2224397" y="272131"/>
                    <a:pt x="2235177" y="265050"/>
                    <a:pt x="2234433" y="249023"/>
                  </a:cubicBezTo>
                  <a:cubicBezTo>
                    <a:pt x="2233318" y="232624"/>
                    <a:pt x="2218449" y="229270"/>
                    <a:pt x="2199863" y="224424"/>
                  </a:cubicBezTo>
                  <a:cubicBezTo>
                    <a:pt x="2167895" y="216970"/>
                    <a:pt x="2135927" y="206534"/>
                    <a:pt x="2133325" y="162555"/>
                  </a:cubicBezTo>
                  <a:cubicBezTo>
                    <a:pt x="2131094" y="118202"/>
                    <a:pt x="2164549" y="92858"/>
                    <a:pt x="2208041" y="90249"/>
                  </a:cubicBezTo>
                  <a:close/>
                  <a:moveTo>
                    <a:pt x="1004892" y="31230"/>
                  </a:moveTo>
                  <a:lnTo>
                    <a:pt x="1063095" y="31230"/>
                  </a:lnTo>
                  <a:lnTo>
                    <a:pt x="1063095" y="112822"/>
                  </a:lnTo>
                  <a:cubicBezTo>
                    <a:pt x="1076440" y="98665"/>
                    <a:pt x="1095347" y="90841"/>
                    <a:pt x="1115736" y="90841"/>
                  </a:cubicBezTo>
                  <a:cubicBezTo>
                    <a:pt x="1159481" y="90841"/>
                    <a:pt x="1183207" y="115803"/>
                    <a:pt x="1183207" y="165727"/>
                  </a:cubicBezTo>
                  <a:lnTo>
                    <a:pt x="1183207" y="310283"/>
                  </a:lnTo>
                  <a:lnTo>
                    <a:pt x="1125004" y="310283"/>
                  </a:lnTo>
                  <a:lnTo>
                    <a:pt x="1125004" y="174668"/>
                  </a:lnTo>
                  <a:cubicBezTo>
                    <a:pt x="1125004" y="153432"/>
                    <a:pt x="1120556" y="136294"/>
                    <a:pt x="1098313" y="136294"/>
                  </a:cubicBezTo>
                  <a:cubicBezTo>
                    <a:pt x="1076811" y="136294"/>
                    <a:pt x="1062353" y="153432"/>
                    <a:pt x="1062353" y="173178"/>
                  </a:cubicBezTo>
                  <a:lnTo>
                    <a:pt x="1062353" y="310283"/>
                  </a:lnTo>
                  <a:lnTo>
                    <a:pt x="1004892" y="310283"/>
                  </a:lnTo>
                  <a:close/>
                  <a:moveTo>
                    <a:pt x="842391" y="31230"/>
                  </a:moveTo>
                  <a:lnTo>
                    <a:pt x="900136" y="31230"/>
                  </a:lnTo>
                  <a:lnTo>
                    <a:pt x="900136" y="97603"/>
                  </a:lnTo>
                  <a:lnTo>
                    <a:pt x="954920" y="97603"/>
                  </a:lnTo>
                  <a:lnTo>
                    <a:pt x="954920" y="143467"/>
                  </a:lnTo>
                  <a:lnTo>
                    <a:pt x="900877" y="143467"/>
                  </a:lnTo>
                  <a:lnTo>
                    <a:pt x="900877" y="238551"/>
                  </a:lnTo>
                  <a:cubicBezTo>
                    <a:pt x="900877" y="261670"/>
                    <a:pt x="905689" y="270992"/>
                    <a:pt x="921236" y="270992"/>
                  </a:cubicBezTo>
                  <a:cubicBezTo>
                    <a:pt x="928639" y="270992"/>
                    <a:pt x="936782" y="268382"/>
                    <a:pt x="946407" y="264653"/>
                  </a:cubicBezTo>
                  <a:lnTo>
                    <a:pt x="958622" y="303433"/>
                  </a:lnTo>
                  <a:cubicBezTo>
                    <a:pt x="946407" y="311636"/>
                    <a:pt x="924197" y="316856"/>
                    <a:pt x="905689" y="316856"/>
                  </a:cubicBezTo>
                  <a:cubicBezTo>
                    <a:pt x="845722" y="316856"/>
                    <a:pt x="842391" y="282551"/>
                    <a:pt x="842391" y="247128"/>
                  </a:cubicBezTo>
                  <a:lnTo>
                    <a:pt x="842391" y="143467"/>
                  </a:lnTo>
                  <a:lnTo>
                    <a:pt x="809816" y="143467"/>
                  </a:lnTo>
                  <a:lnTo>
                    <a:pt x="809816" y="97603"/>
                  </a:lnTo>
                  <a:lnTo>
                    <a:pt x="842391" y="97603"/>
                  </a:lnTo>
                  <a:close/>
                  <a:moveTo>
                    <a:pt x="698343" y="31230"/>
                  </a:moveTo>
                  <a:lnTo>
                    <a:pt x="756722" y="31230"/>
                  </a:lnTo>
                  <a:lnTo>
                    <a:pt x="756722" y="238449"/>
                  </a:lnTo>
                  <a:cubicBezTo>
                    <a:pt x="756722" y="261597"/>
                    <a:pt x="761895" y="270932"/>
                    <a:pt x="777045" y="270932"/>
                  </a:cubicBezTo>
                  <a:cubicBezTo>
                    <a:pt x="784434" y="270932"/>
                    <a:pt x="792563" y="268318"/>
                    <a:pt x="802170" y="264584"/>
                  </a:cubicBezTo>
                  <a:lnTo>
                    <a:pt x="814364" y="303415"/>
                  </a:lnTo>
                  <a:cubicBezTo>
                    <a:pt x="802170" y="311629"/>
                    <a:pt x="780000" y="316856"/>
                    <a:pt x="761895" y="316856"/>
                  </a:cubicBezTo>
                  <a:cubicBezTo>
                    <a:pt x="702038" y="316856"/>
                    <a:pt x="698343" y="282506"/>
                    <a:pt x="698343" y="247036"/>
                  </a:cubicBezTo>
                  <a:close/>
                  <a:moveTo>
                    <a:pt x="0" y="31230"/>
                  </a:moveTo>
                  <a:lnTo>
                    <a:pt x="59654" y="31230"/>
                  </a:lnTo>
                  <a:lnTo>
                    <a:pt x="59654" y="142255"/>
                  </a:lnTo>
                  <a:lnTo>
                    <a:pt x="145779" y="142255"/>
                  </a:lnTo>
                  <a:lnTo>
                    <a:pt x="145779" y="31230"/>
                  </a:lnTo>
                  <a:lnTo>
                    <a:pt x="206179" y="31230"/>
                  </a:lnTo>
                  <a:lnTo>
                    <a:pt x="206179" y="310283"/>
                  </a:lnTo>
                  <a:lnTo>
                    <a:pt x="145779" y="310283"/>
                  </a:lnTo>
                  <a:lnTo>
                    <a:pt x="145779" y="194787"/>
                  </a:lnTo>
                  <a:lnTo>
                    <a:pt x="59654" y="194787"/>
                  </a:lnTo>
                  <a:lnTo>
                    <a:pt x="59654" y="310283"/>
                  </a:lnTo>
                  <a:lnTo>
                    <a:pt x="0" y="310283"/>
                  </a:lnTo>
                  <a:close/>
                  <a:moveTo>
                    <a:pt x="1262898" y="0"/>
                  </a:moveTo>
                  <a:cubicBezTo>
                    <a:pt x="1281745" y="0"/>
                    <a:pt x="1294680" y="13890"/>
                    <a:pt x="1294680" y="30408"/>
                  </a:cubicBezTo>
                  <a:cubicBezTo>
                    <a:pt x="1294680" y="48053"/>
                    <a:pt x="1281745" y="60442"/>
                    <a:pt x="1262898" y="60442"/>
                  </a:cubicBezTo>
                  <a:cubicBezTo>
                    <a:pt x="1243681" y="60442"/>
                    <a:pt x="1231116" y="48053"/>
                    <a:pt x="1231116" y="30408"/>
                  </a:cubicBezTo>
                  <a:cubicBezTo>
                    <a:pt x="1231116" y="13890"/>
                    <a:pt x="1244051" y="0"/>
                    <a:pt x="1262898" y="0"/>
                  </a:cubicBezTo>
                  <a:close/>
                </a:path>
              </a:pathLst>
            </a:custGeom>
            <a:solidFill>
              <a:srgbClr val="EC6602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1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"/>
                <a:cs typeface=""/>
              </a:endParaRPr>
            </a:p>
          </p:txBody>
        </p: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>
          <a:xfrm>
            <a:off x="482601" y="216377"/>
            <a:ext cx="9144000" cy="492443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/>
              <a:t>Introduction/Table of contents</a:t>
            </a:r>
            <a:r>
              <a:rPr lang="en-US" noProof="0" dirty="0"/>
              <a:t>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455003740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ntroduction/Table of content White, Petro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3026414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360" imgH="360" progId="">
                  <p:embed/>
                </p:oleObj>
              </mc:Choice>
              <mc:Fallback>
                <p:oleObj name="think-cell Folie" r:id="rId4" imgW="360" imgH="360" progId="">
                  <p:embed/>
                  <p:pic>
                    <p:nvPicPr>
                      <p:cNvPr id="0" name="Picture 4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Grafik 15"/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560737" y="757121"/>
            <a:ext cx="5597523" cy="5567437"/>
          </a:xfrm>
          <a:prstGeom prst="rect">
            <a:avLst/>
          </a:prstGeom>
        </p:spPr>
      </p:pic>
      <p:sp>
        <p:nvSpPr>
          <p:cNvPr id="219" name="Textplatzhalter 6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482600" y="1629093"/>
            <a:ext cx="5651500" cy="851515"/>
          </a:xfrm>
        </p:spPr>
        <p:txBody>
          <a:bodyPr>
            <a:spAutoFit/>
          </a:bodyPr>
          <a:lstStyle>
            <a:lvl1pPr marL="266700" indent="-266700">
              <a:buClr>
                <a:schemeClr val="tx2"/>
              </a:buClr>
              <a:buFont typeface="Arial" panose="020B0604020202020204" pitchFamily="34" charset="0"/>
              <a:buChar char="•"/>
              <a:tabLst>
                <a:tab pos="5646738" algn="r"/>
              </a:tabLst>
              <a:defRPr b="0">
                <a:solidFill>
                  <a:schemeClr val="tx1"/>
                </a:solidFill>
              </a:defRPr>
            </a:lvl1pPr>
            <a:lvl3pPr>
              <a:tabLst>
                <a:tab pos="5646738" algn="r"/>
              </a:tabLst>
              <a:defRPr baseline="0"/>
            </a:lvl3pPr>
          </a:lstStyle>
          <a:p>
            <a:pPr lvl="0"/>
            <a:r>
              <a:rPr lang="en-US" dirty="0"/>
              <a:t>Click to add chapter title, [Tab] 	page #</a:t>
            </a:r>
          </a:p>
          <a:p>
            <a:pPr lvl="2"/>
            <a:r>
              <a:rPr lang="en-US" dirty="0"/>
              <a:t>Second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1" y="796"/>
            <a:ext cx="12198350" cy="1624807"/>
            <a:chOff x="1" y="796"/>
            <a:chExt cx="12198350" cy="1624807"/>
          </a:xfrm>
        </p:grpSpPr>
        <p:sp>
          <p:nvSpPr>
            <p:cNvPr id="218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217" name="Freeform 11"/>
            <p:cNvSpPr>
              <a:spLocks/>
            </p:cNvSpPr>
            <p:nvPr userDrawn="1"/>
          </p:nvSpPr>
          <p:spPr bwMode="gray">
            <a:xfrm>
              <a:off x="1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</p:grpSp>
      <p:grpSp>
        <p:nvGrpSpPr>
          <p:cNvPr id="495" name="Gruppierung 140"/>
          <p:cNvGrpSpPr>
            <a:grpSpLocks noChangeAspect="1"/>
          </p:cNvGrpSpPr>
          <p:nvPr userDrawn="1"/>
        </p:nvGrpSpPr>
        <p:grpSpPr>
          <a:xfrm>
            <a:off x="10291931" y="341313"/>
            <a:ext cx="1638132" cy="385201"/>
            <a:chOff x="6613648" y="2453653"/>
            <a:chExt cx="2815390" cy="662028"/>
          </a:xfrm>
        </p:grpSpPr>
        <p:sp>
          <p:nvSpPr>
            <p:cNvPr id="496" name="Freihandform 495"/>
            <p:cNvSpPr>
              <a:spLocks noChangeAspect="1" noChangeArrowheads="1"/>
            </p:cNvSpPr>
            <p:nvPr/>
          </p:nvSpPr>
          <p:spPr bwMode="auto">
            <a:xfrm>
              <a:off x="8944950" y="2560629"/>
              <a:ext cx="484088" cy="476289"/>
            </a:xfrm>
            <a:custGeom>
              <a:avLst/>
              <a:gdLst>
                <a:gd name="connsiteX0" fmla="*/ 224003 w 484088"/>
                <a:gd name="connsiteY0" fmla="*/ 410646 h 476290"/>
                <a:gd name="connsiteX1" fmla="*/ 247187 w 484088"/>
                <a:gd name="connsiteY1" fmla="*/ 420103 h 476290"/>
                <a:gd name="connsiteX2" fmla="*/ 247187 w 484088"/>
                <a:gd name="connsiteY2" fmla="*/ 466833 h 476290"/>
                <a:gd name="connsiteX3" fmla="*/ 200818 w 484088"/>
                <a:gd name="connsiteY3" fmla="*/ 466833 h 476290"/>
                <a:gd name="connsiteX4" fmla="*/ 200818 w 484088"/>
                <a:gd name="connsiteY4" fmla="*/ 420103 h 476290"/>
                <a:gd name="connsiteX5" fmla="*/ 224003 w 484088"/>
                <a:gd name="connsiteY5" fmla="*/ 410646 h 476290"/>
                <a:gd name="connsiteX6" fmla="*/ 121049 w 484088"/>
                <a:gd name="connsiteY6" fmla="*/ 316301 h 476290"/>
                <a:gd name="connsiteX7" fmla="*/ 138696 w 484088"/>
                <a:gd name="connsiteY7" fmla="*/ 323796 h 476290"/>
                <a:gd name="connsiteX8" fmla="*/ 138696 w 484088"/>
                <a:gd name="connsiteY8" fmla="*/ 359325 h 476290"/>
                <a:gd name="connsiteX9" fmla="*/ 103128 w 484088"/>
                <a:gd name="connsiteY9" fmla="*/ 359325 h 476290"/>
                <a:gd name="connsiteX10" fmla="*/ 103128 w 484088"/>
                <a:gd name="connsiteY10" fmla="*/ 323796 h 476290"/>
                <a:gd name="connsiteX11" fmla="*/ 121049 w 484088"/>
                <a:gd name="connsiteY11" fmla="*/ 316301 h 476290"/>
                <a:gd name="connsiteX12" fmla="*/ 325449 w 484088"/>
                <a:gd name="connsiteY12" fmla="*/ 298284 h 476290"/>
                <a:gd name="connsiteX13" fmla="*/ 356024 w 484088"/>
                <a:gd name="connsiteY13" fmla="*/ 310902 h 476290"/>
                <a:gd name="connsiteX14" fmla="*/ 356024 w 484088"/>
                <a:gd name="connsiteY14" fmla="*/ 372214 h 476290"/>
                <a:gd name="connsiteX15" fmla="*/ 294874 w 484088"/>
                <a:gd name="connsiteY15" fmla="*/ 372214 h 476290"/>
                <a:gd name="connsiteX16" fmla="*/ 294874 w 484088"/>
                <a:gd name="connsiteY16" fmla="*/ 310902 h 476290"/>
                <a:gd name="connsiteX17" fmla="*/ 325449 w 484088"/>
                <a:gd name="connsiteY17" fmla="*/ 298284 h 476290"/>
                <a:gd name="connsiteX18" fmla="*/ 19273 w 484088"/>
                <a:gd name="connsiteY18" fmla="*/ 218685 h 476290"/>
                <a:gd name="connsiteX19" fmla="*/ 32986 w 484088"/>
                <a:gd name="connsiteY19" fmla="*/ 224259 h 476290"/>
                <a:gd name="connsiteX20" fmla="*/ 32986 w 484088"/>
                <a:gd name="connsiteY20" fmla="*/ 251759 h 476290"/>
                <a:gd name="connsiteX21" fmla="*/ 5560 w 484088"/>
                <a:gd name="connsiteY21" fmla="*/ 251759 h 476290"/>
                <a:gd name="connsiteX22" fmla="*/ 5560 w 484088"/>
                <a:gd name="connsiteY22" fmla="*/ 224259 h 476290"/>
                <a:gd name="connsiteX23" fmla="*/ 19273 w 484088"/>
                <a:gd name="connsiteY23" fmla="*/ 218685 h 476290"/>
                <a:gd name="connsiteX24" fmla="*/ 224003 w 484088"/>
                <a:gd name="connsiteY24" fmla="*/ 205318 h 476290"/>
                <a:gd name="connsiteX25" fmla="*/ 247187 w 484088"/>
                <a:gd name="connsiteY25" fmla="*/ 215174 h 476290"/>
                <a:gd name="connsiteX26" fmla="*/ 247187 w 484088"/>
                <a:gd name="connsiteY26" fmla="*/ 262482 h 476290"/>
                <a:gd name="connsiteX27" fmla="*/ 200818 w 484088"/>
                <a:gd name="connsiteY27" fmla="*/ 262482 h 476290"/>
                <a:gd name="connsiteX28" fmla="*/ 200818 w 484088"/>
                <a:gd name="connsiteY28" fmla="*/ 215174 h 476290"/>
                <a:gd name="connsiteX29" fmla="*/ 224003 w 484088"/>
                <a:gd name="connsiteY29" fmla="*/ 205318 h 476290"/>
                <a:gd name="connsiteX30" fmla="*/ 428279 w 484088"/>
                <a:gd name="connsiteY30" fmla="*/ 182871 h 476290"/>
                <a:gd name="connsiteX31" fmla="*/ 467652 w 484088"/>
                <a:gd name="connsiteY31" fmla="*/ 199351 h 476290"/>
                <a:gd name="connsiteX32" fmla="*/ 467652 w 484088"/>
                <a:gd name="connsiteY32" fmla="*/ 278307 h 476290"/>
                <a:gd name="connsiteX33" fmla="*/ 388906 w 484088"/>
                <a:gd name="connsiteY33" fmla="*/ 278307 h 476290"/>
                <a:gd name="connsiteX34" fmla="*/ 388906 w 484088"/>
                <a:gd name="connsiteY34" fmla="*/ 199351 h 476290"/>
                <a:gd name="connsiteX35" fmla="*/ 428279 w 484088"/>
                <a:gd name="connsiteY35" fmla="*/ 182871 h 476290"/>
                <a:gd name="connsiteX36" fmla="*/ 121049 w 484088"/>
                <a:gd name="connsiteY36" fmla="*/ 110842 h 476290"/>
                <a:gd name="connsiteX37" fmla="*/ 138696 w 484088"/>
                <a:gd name="connsiteY37" fmla="*/ 118337 h 476290"/>
                <a:gd name="connsiteX38" fmla="*/ 138696 w 484088"/>
                <a:gd name="connsiteY38" fmla="*/ 154236 h 476290"/>
                <a:gd name="connsiteX39" fmla="*/ 103128 w 484088"/>
                <a:gd name="connsiteY39" fmla="*/ 154236 h 476290"/>
                <a:gd name="connsiteX40" fmla="*/ 103128 w 484088"/>
                <a:gd name="connsiteY40" fmla="*/ 118337 h 476290"/>
                <a:gd name="connsiteX41" fmla="*/ 121049 w 484088"/>
                <a:gd name="connsiteY41" fmla="*/ 110842 h 476290"/>
                <a:gd name="connsiteX42" fmla="*/ 325683 w 484088"/>
                <a:gd name="connsiteY42" fmla="*/ 92919 h 476290"/>
                <a:gd name="connsiteX43" fmla="*/ 356092 w 484088"/>
                <a:gd name="connsiteY43" fmla="*/ 105817 h 476290"/>
                <a:gd name="connsiteX44" fmla="*/ 356092 w 484088"/>
                <a:gd name="connsiteY44" fmla="*/ 166756 h 476290"/>
                <a:gd name="connsiteX45" fmla="*/ 295553 w 484088"/>
                <a:gd name="connsiteY45" fmla="*/ 166756 h 476290"/>
                <a:gd name="connsiteX46" fmla="*/ 295553 w 484088"/>
                <a:gd name="connsiteY46" fmla="*/ 105817 h 476290"/>
                <a:gd name="connsiteX47" fmla="*/ 325683 w 484088"/>
                <a:gd name="connsiteY47" fmla="*/ 92919 h 476290"/>
                <a:gd name="connsiteX48" fmla="*/ 224003 w 484088"/>
                <a:gd name="connsiteY48" fmla="*/ 0 h 476290"/>
                <a:gd name="connsiteX49" fmla="*/ 247187 w 484088"/>
                <a:gd name="connsiteY49" fmla="*/ 9715 h 476290"/>
                <a:gd name="connsiteX50" fmla="*/ 247187 w 484088"/>
                <a:gd name="connsiteY50" fmla="*/ 57022 h 476290"/>
                <a:gd name="connsiteX51" fmla="*/ 200818 w 484088"/>
                <a:gd name="connsiteY51" fmla="*/ 57022 h 476290"/>
                <a:gd name="connsiteX52" fmla="*/ 200818 w 484088"/>
                <a:gd name="connsiteY52" fmla="*/ 9715 h 476290"/>
                <a:gd name="connsiteX53" fmla="*/ 224003 w 484088"/>
                <a:gd name="connsiteY53" fmla="*/ 0 h 47629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</a:cxnLst>
              <a:rect l="l" t="t" r="r" b="b"/>
              <a:pathLst>
                <a:path w="484088" h="476290">
                  <a:moveTo>
                    <a:pt x="224003" y="410646"/>
                  </a:moveTo>
                  <a:cubicBezTo>
                    <a:pt x="232375" y="410646"/>
                    <a:pt x="240747" y="413798"/>
                    <a:pt x="247187" y="420103"/>
                  </a:cubicBezTo>
                  <a:cubicBezTo>
                    <a:pt x="260067" y="433084"/>
                    <a:pt x="260067" y="453853"/>
                    <a:pt x="247187" y="466833"/>
                  </a:cubicBezTo>
                  <a:cubicBezTo>
                    <a:pt x="234307" y="479443"/>
                    <a:pt x="213699" y="479443"/>
                    <a:pt x="200818" y="466833"/>
                  </a:cubicBezTo>
                  <a:cubicBezTo>
                    <a:pt x="188306" y="454224"/>
                    <a:pt x="188306" y="433455"/>
                    <a:pt x="200818" y="420103"/>
                  </a:cubicBezTo>
                  <a:cubicBezTo>
                    <a:pt x="207259" y="413798"/>
                    <a:pt x="215631" y="410646"/>
                    <a:pt x="224003" y="410646"/>
                  </a:cubicBezTo>
                  <a:close/>
                  <a:moveTo>
                    <a:pt x="121049" y="316301"/>
                  </a:moveTo>
                  <a:cubicBezTo>
                    <a:pt x="127512" y="316301"/>
                    <a:pt x="133929" y="318800"/>
                    <a:pt x="138696" y="323796"/>
                  </a:cubicBezTo>
                  <a:cubicBezTo>
                    <a:pt x="148597" y="333788"/>
                    <a:pt x="148597" y="349333"/>
                    <a:pt x="138696" y="359325"/>
                  </a:cubicBezTo>
                  <a:cubicBezTo>
                    <a:pt x="129162" y="369318"/>
                    <a:pt x="113028" y="369318"/>
                    <a:pt x="103128" y="359325"/>
                  </a:cubicBezTo>
                  <a:cubicBezTo>
                    <a:pt x="93227" y="349333"/>
                    <a:pt x="93227" y="333788"/>
                    <a:pt x="103128" y="323796"/>
                  </a:cubicBezTo>
                  <a:cubicBezTo>
                    <a:pt x="108078" y="318800"/>
                    <a:pt x="114587" y="316301"/>
                    <a:pt x="121049" y="316301"/>
                  </a:cubicBezTo>
                  <a:close/>
                  <a:moveTo>
                    <a:pt x="325449" y="298284"/>
                  </a:moveTo>
                  <a:cubicBezTo>
                    <a:pt x="336448" y="298284"/>
                    <a:pt x="347448" y="302490"/>
                    <a:pt x="356024" y="310902"/>
                  </a:cubicBezTo>
                  <a:cubicBezTo>
                    <a:pt x="372803" y="328099"/>
                    <a:pt x="373175" y="355016"/>
                    <a:pt x="356024" y="372214"/>
                  </a:cubicBezTo>
                  <a:cubicBezTo>
                    <a:pt x="339245" y="389037"/>
                    <a:pt x="312026" y="389037"/>
                    <a:pt x="294874" y="372214"/>
                  </a:cubicBezTo>
                  <a:cubicBezTo>
                    <a:pt x="278468" y="355016"/>
                    <a:pt x="278468" y="328099"/>
                    <a:pt x="294874" y="310902"/>
                  </a:cubicBezTo>
                  <a:cubicBezTo>
                    <a:pt x="303450" y="302490"/>
                    <a:pt x="314449" y="298284"/>
                    <a:pt x="325449" y="298284"/>
                  </a:cubicBezTo>
                  <a:close/>
                  <a:moveTo>
                    <a:pt x="19273" y="218685"/>
                  </a:moveTo>
                  <a:cubicBezTo>
                    <a:pt x="24277" y="218685"/>
                    <a:pt x="29280" y="220543"/>
                    <a:pt x="32986" y="224259"/>
                  </a:cubicBezTo>
                  <a:cubicBezTo>
                    <a:pt x="40399" y="231692"/>
                    <a:pt x="40399" y="243955"/>
                    <a:pt x="32986" y="251759"/>
                  </a:cubicBezTo>
                  <a:cubicBezTo>
                    <a:pt x="25574" y="259192"/>
                    <a:pt x="12972" y="259192"/>
                    <a:pt x="5560" y="251759"/>
                  </a:cubicBezTo>
                  <a:cubicBezTo>
                    <a:pt x="-1853" y="243955"/>
                    <a:pt x="-1853" y="231692"/>
                    <a:pt x="5560" y="224259"/>
                  </a:cubicBezTo>
                  <a:cubicBezTo>
                    <a:pt x="9266" y="220543"/>
                    <a:pt x="14270" y="218685"/>
                    <a:pt x="19273" y="218685"/>
                  </a:cubicBezTo>
                  <a:close/>
                  <a:moveTo>
                    <a:pt x="224003" y="205318"/>
                  </a:moveTo>
                  <a:cubicBezTo>
                    <a:pt x="232375" y="205318"/>
                    <a:pt x="240747" y="208604"/>
                    <a:pt x="247187" y="215174"/>
                  </a:cubicBezTo>
                  <a:cubicBezTo>
                    <a:pt x="260067" y="228315"/>
                    <a:pt x="260067" y="249341"/>
                    <a:pt x="247187" y="262482"/>
                  </a:cubicBezTo>
                  <a:cubicBezTo>
                    <a:pt x="234307" y="275624"/>
                    <a:pt x="213699" y="275624"/>
                    <a:pt x="200818" y="262482"/>
                  </a:cubicBezTo>
                  <a:cubicBezTo>
                    <a:pt x="188306" y="249341"/>
                    <a:pt x="188306" y="228315"/>
                    <a:pt x="200818" y="215174"/>
                  </a:cubicBezTo>
                  <a:cubicBezTo>
                    <a:pt x="207259" y="208604"/>
                    <a:pt x="215631" y="205318"/>
                    <a:pt x="224003" y="205318"/>
                  </a:cubicBezTo>
                  <a:close/>
                  <a:moveTo>
                    <a:pt x="428279" y="182871"/>
                  </a:moveTo>
                  <a:cubicBezTo>
                    <a:pt x="442487" y="182871"/>
                    <a:pt x="456694" y="188365"/>
                    <a:pt x="467652" y="199351"/>
                  </a:cubicBezTo>
                  <a:cubicBezTo>
                    <a:pt x="489567" y="221325"/>
                    <a:pt x="489567" y="256334"/>
                    <a:pt x="467652" y="278307"/>
                  </a:cubicBezTo>
                  <a:cubicBezTo>
                    <a:pt x="445737" y="300281"/>
                    <a:pt x="410821" y="300281"/>
                    <a:pt x="388906" y="278307"/>
                  </a:cubicBezTo>
                  <a:cubicBezTo>
                    <a:pt x="366991" y="256706"/>
                    <a:pt x="366991" y="221325"/>
                    <a:pt x="388906" y="199351"/>
                  </a:cubicBezTo>
                  <a:cubicBezTo>
                    <a:pt x="399864" y="188365"/>
                    <a:pt x="414071" y="182871"/>
                    <a:pt x="428279" y="182871"/>
                  </a:cubicBezTo>
                  <a:close/>
                  <a:moveTo>
                    <a:pt x="121049" y="110842"/>
                  </a:moveTo>
                  <a:cubicBezTo>
                    <a:pt x="127512" y="110842"/>
                    <a:pt x="133929" y="113340"/>
                    <a:pt x="138696" y="118337"/>
                  </a:cubicBezTo>
                  <a:cubicBezTo>
                    <a:pt x="148597" y="128329"/>
                    <a:pt x="148597" y="144244"/>
                    <a:pt x="138696" y="154236"/>
                  </a:cubicBezTo>
                  <a:cubicBezTo>
                    <a:pt x="129162" y="163859"/>
                    <a:pt x="113028" y="163859"/>
                    <a:pt x="103128" y="154236"/>
                  </a:cubicBezTo>
                  <a:cubicBezTo>
                    <a:pt x="93227" y="144244"/>
                    <a:pt x="93227" y="128329"/>
                    <a:pt x="103128" y="118337"/>
                  </a:cubicBezTo>
                  <a:cubicBezTo>
                    <a:pt x="108078" y="113340"/>
                    <a:pt x="114587" y="110842"/>
                    <a:pt x="121049" y="110842"/>
                  </a:cubicBezTo>
                  <a:close/>
                  <a:moveTo>
                    <a:pt x="325683" y="92919"/>
                  </a:moveTo>
                  <a:cubicBezTo>
                    <a:pt x="336593" y="92919"/>
                    <a:pt x="347550" y="97219"/>
                    <a:pt x="356092" y="105817"/>
                  </a:cubicBezTo>
                  <a:cubicBezTo>
                    <a:pt x="373177" y="122641"/>
                    <a:pt x="373177" y="149558"/>
                    <a:pt x="356092" y="166756"/>
                  </a:cubicBezTo>
                  <a:cubicBezTo>
                    <a:pt x="339007" y="183579"/>
                    <a:pt x="312638" y="183579"/>
                    <a:pt x="295553" y="166756"/>
                  </a:cubicBezTo>
                  <a:cubicBezTo>
                    <a:pt x="278840" y="149558"/>
                    <a:pt x="278468" y="122641"/>
                    <a:pt x="295553" y="105817"/>
                  </a:cubicBezTo>
                  <a:cubicBezTo>
                    <a:pt x="303910" y="97219"/>
                    <a:pt x="314773" y="92919"/>
                    <a:pt x="325683" y="92919"/>
                  </a:cubicBezTo>
                  <a:close/>
                  <a:moveTo>
                    <a:pt x="224003" y="0"/>
                  </a:moveTo>
                  <a:cubicBezTo>
                    <a:pt x="232375" y="-47"/>
                    <a:pt x="240747" y="3144"/>
                    <a:pt x="247187" y="9715"/>
                  </a:cubicBezTo>
                  <a:cubicBezTo>
                    <a:pt x="260067" y="22480"/>
                    <a:pt x="260067" y="44257"/>
                    <a:pt x="247187" y="57022"/>
                  </a:cubicBezTo>
                  <a:cubicBezTo>
                    <a:pt x="234307" y="70163"/>
                    <a:pt x="213699" y="69788"/>
                    <a:pt x="200818" y="57022"/>
                  </a:cubicBezTo>
                  <a:cubicBezTo>
                    <a:pt x="188306" y="43881"/>
                    <a:pt x="188306" y="22856"/>
                    <a:pt x="200818" y="9715"/>
                  </a:cubicBezTo>
                  <a:cubicBezTo>
                    <a:pt x="207259" y="3332"/>
                    <a:pt x="215631" y="47"/>
                    <a:pt x="224003" y="0"/>
                  </a:cubicBezTo>
                  <a:close/>
                </a:path>
              </a:pathLst>
            </a:custGeom>
            <a:solidFill>
              <a:srgbClr val="EC6602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rPr>
                <a:t> </a:t>
              </a:r>
            </a:p>
          </p:txBody>
        </p:sp>
        <p:sp>
          <p:nvSpPr>
            <p:cNvPr id="497" name="Freihandform 496"/>
            <p:cNvSpPr>
              <a:spLocks noChangeAspect="1" noChangeArrowheads="1"/>
            </p:cNvSpPr>
            <p:nvPr/>
          </p:nvSpPr>
          <p:spPr bwMode="auto">
            <a:xfrm>
              <a:off x="7307072" y="2453653"/>
              <a:ext cx="1597948" cy="254396"/>
            </a:xfrm>
            <a:custGeom>
              <a:avLst/>
              <a:gdLst>
                <a:gd name="connsiteX0" fmla="*/ 1157347 w 1597949"/>
                <a:gd name="connsiteY0" fmla="*/ 4931 h 254396"/>
                <a:gd name="connsiteX1" fmla="*/ 1235941 w 1597949"/>
                <a:gd name="connsiteY1" fmla="*/ 4931 h 254396"/>
                <a:gd name="connsiteX2" fmla="*/ 1319354 w 1597949"/>
                <a:gd name="connsiteY2" fmla="*/ 168700 h 254396"/>
                <a:gd name="connsiteX3" fmla="*/ 1319354 w 1597949"/>
                <a:gd name="connsiteY3" fmla="*/ 4931 h 254396"/>
                <a:gd name="connsiteX4" fmla="*/ 1366807 w 1597949"/>
                <a:gd name="connsiteY4" fmla="*/ 4931 h 254396"/>
                <a:gd name="connsiteX5" fmla="*/ 1366807 w 1597949"/>
                <a:gd name="connsiteY5" fmla="*/ 249463 h 254396"/>
                <a:gd name="connsiteX6" fmla="*/ 1291179 w 1597949"/>
                <a:gd name="connsiteY6" fmla="*/ 249463 h 254396"/>
                <a:gd name="connsiteX7" fmla="*/ 1205170 w 1597949"/>
                <a:gd name="connsiteY7" fmla="*/ 83451 h 254396"/>
                <a:gd name="connsiteX8" fmla="*/ 1205170 w 1597949"/>
                <a:gd name="connsiteY8" fmla="*/ 249463 h 254396"/>
                <a:gd name="connsiteX9" fmla="*/ 1157347 w 1597949"/>
                <a:gd name="connsiteY9" fmla="*/ 249463 h 254396"/>
                <a:gd name="connsiteX10" fmla="*/ 936042 w 1597949"/>
                <a:gd name="connsiteY10" fmla="*/ 4931 h 254396"/>
                <a:gd name="connsiteX11" fmla="*/ 1110117 w 1597949"/>
                <a:gd name="connsiteY11" fmla="*/ 4931 h 254396"/>
                <a:gd name="connsiteX12" fmla="*/ 1110117 w 1597949"/>
                <a:gd name="connsiteY12" fmla="*/ 49052 h 254396"/>
                <a:gd name="connsiteX13" fmla="*/ 1001367 w 1597949"/>
                <a:gd name="connsiteY13" fmla="*/ 49052 h 254396"/>
                <a:gd name="connsiteX14" fmla="*/ 1001367 w 1597949"/>
                <a:gd name="connsiteY14" fmla="*/ 104015 h 254396"/>
                <a:gd name="connsiteX15" fmla="*/ 1096013 w 1597949"/>
                <a:gd name="connsiteY15" fmla="*/ 104015 h 254396"/>
                <a:gd name="connsiteX16" fmla="*/ 1096013 w 1597949"/>
                <a:gd name="connsiteY16" fmla="*/ 144771 h 254396"/>
                <a:gd name="connsiteX17" fmla="*/ 1001367 w 1597949"/>
                <a:gd name="connsiteY17" fmla="*/ 144771 h 254396"/>
                <a:gd name="connsiteX18" fmla="*/ 1001367 w 1597949"/>
                <a:gd name="connsiteY18" fmla="*/ 202725 h 254396"/>
                <a:gd name="connsiteX19" fmla="*/ 1112716 w 1597949"/>
                <a:gd name="connsiteY19" fmla="*/ 202725 h 254396"/>
                <a:gd name="connsiteX20" fmla="*/ 1112716 w 1597949"/>
                <a:gd name="connsiteY20" fmla="*/ 249463 h 254396"/>
                <a:gd name="connsiteX21" fmla="*/ 936042 w 1597949"/>
                <a:gd name="connsiteY21" fmla="*/ 249463 h 254396"/>
                <a:gd name="connsiteX22" fmla="*/ 577034 w 1597949"/>
                <a:gd name="connsiteY22" fmla="*/ 4931 h 254396"/>
                <a:gd name="connsiteX23" fmla="*/ 665266 w 1597949"/>
                <a:gd name="connsiteY23" fmla="*/ 4931 h 254396"/>
                <a:gd name="connsiteX24" fmla="*/ 725949 w 1597949"/>
                <a:gd name="connsiteY24" fmla="*/ 160843 h 254396"/>
                <a:gd name="connsiteX25" fmla="*/ 789611 w 1597949"/>
                <a:gd name="connsiteY25" fmla="*/ 4931 h 254396"/>
                <a:gd name="connsiteX26" fmla="*/ 873375 w 1597949"/>
                <a:gd name="connsiteY26" fmla="*/ 4931 h 254396"/>
                <a:gd name="connsiteX27" fmla="*/ 873375 w 1597949"/>
                <a:gd name="connsiteY27" fmla="*/ 248870 h 254396"/>
                <a:gd name="connsiteX28" fmla="*/ 808225 w 1597949"/>
                <a:gd name="connsiteY28" fmla="*/ 248870 h 254396"/>
                <a:gd name="connsiteX29" fmla="*/ 808225 w 1597949"/>
                <a:gd name="connsiteY29" fmla="*/ 75800 h 254396"/>
                <a:gd name="connsiteX30" fmla="*/ 737118 w 1597949"/>
                <a:gd name="connsiteY30" fmla="*/ 251108 h 254396"/>
                <a:gd name="connsiteX31" fmla="*/ 694677 w 1597949"/>
                <a:gd name="connsiteY31" fmla="*/ 251108 h 254396"/>
                <a:gd name="connsiteX32" fmla="*/ 625059 w 1597949"/>
                <a:gd name="connsiteY32" fmla="*/ 75800 h 254396"/>
                <a:gd name="connsiteX33" fmla="*/ 625059 w 1597949"/>
                <a:gd name="connsiteY33" fmla="*/ 248870 h 254396"/>
                <a:gd name="connsiteX34" fmla="*/ 577034 w 1597949"/>
                <a:gd name="connsiteY34" fmla="*/ 248870 h 254396"/>
                <a:gd name="connsiteX35" fmla="*/ 355729 w 1597949"/>
                <a:gd name="connsiteY35" fmla="*/ 4931 h 254396"/>
                <a:gd name="connsiteX36" fmla="*/ 530170 w 1597949"/>
                <a:gd name="connsiteY36" fmla="*/ 4931 h 254396"/>
                <a:gd name="connsiteX37" fmla="*/ 530170 w 1597949"/>
                <a:gd name="connsiteY37" fmla="*/ 49052 h 254396"/>
                <a:gd name="connsiteX38" fmla="*/ 420819 w 1597949"/>
                <a:gd name="connsiteY38" fmla="*/ 49052 h 254396"/>
                <a:gd name="connsiteX39" fmla="*/ 420819 w 1597949"/>
                <a:gd name="connsiteY39" fmla="*/ 104015 h 254396"/>
                <a:gd name="connsiteX40" fmla="*/ 516036 w 1597949"/>
                <a:gd name="connsiteY40" fmla="*/ 104015 h 254396"/>
                <a:gd name="connsiteX41" fmla="*/ 516036 w 1597949"/>
                <a:gd name="connsiteY41" fmla="*/ 144771 h 254396"/>
                <a:gd name="connsiteX42" fmla="*/ 420819 w 1597949"/>
                <a:gd name="connsiteY42" fmla="*/ 144771 h 254396"/>
                <a:gd name="connsiteX43" fmla="*/ 420819 w 1597949"/>
                <a:gd name="connsiteY43" fmla="*/ 202725 h 254396"/>
                <a:gd name="connsiteX44" fmla="*/ 532402 w 1597949"/>
                <a:gd name="connsiteY44" fmla="*/ 202725 h 254396"/>
                <a:gd name="connsiteX45" fmla="*/ 532402 w 1597949"/>
                <a:gd name="connsiteY45" fmla="*/ 249463 h 254396"/>
                <a:gd name="connsiteX46" fmla="*/ 355729 w 1597949"/>
                <a:gd name="connsiteY46" fmla="*/ 249463 h 254396"/>
                <a:gd name="connsiteX47" fmla="*/ 226224 w 1597949"/>
                <a:gd name="connsiteY47" fmla="*/ 4931 h 254396"/>
                <a:gd name="connsiteX48" fmla="*/ 293068 w 1597949"/>
                <a:gd name="connsiteY48" fmla="*/ 4931 h 254396"/>
                <a:gd name="connsiteX49" fmla="*/ 293068 w 1597949"/>
                <a:gd name="connsiteY49" fmla="*/ 249464 h 254396"/>
                <a:gd name="connsiteX50" fmla="*/ 259646 w 1597949"/>
                <a:gd name="connsiteY50" fmla="*/ 249464 h 254396"/>
                <a:gd name="connsiteX51" fmla="*/ 226224 w 1597949"/>
                <a:gd name="connsiteY51" fmla="*/ 249464 h 254396"/>
                <a:gd name="connsiteX52" fmla="*/ 1509330 w 1597949"/>
                <a:gd name="connsiteY52" fmla="*/ 0 h 254396"/>
                <a:gd name="connsiteX53" fmla="*/ 1573106 w 1597949"/>
                <a:gd name="connsiteY53" fmla="*/ 7806 h 254396"/>
                <a:gd name="connsiteX54" fmla="*/ 1579039 w 1597949"/>
                <a:gd name="connsiteY54" fmla="*/ 8921 h 254396"/>
                <a:gd name="connsiteX55" fmla="*/ 1579039 w 1597949"/>
                <a:gd name="connsiteY55" fmla="*/ 55011 h 254396"/>
                <a:gd name="connsiteX56" fmla="*/ 1516004 w 1597949"/>
                <a:gd name="connsiteY56" fmla="*/ 41630 h 254396"/>
                <a:gd name="connsiteX57" fmla="*/ 1475217 w 1597949"/>
                <a:gd name="connsiteY57" fmla="*/ 63932 h 254396"/>
                <a:gd name="connsiteX58" fmla="*/ 1483745 w 1597949"/>
                <a:gd name="connsiteY58" fmla="*/ 78056 h 254396"/>
                <a:gd name="connsiteX59" fmla="*/ 1521195 w 1597949"/>
                <a:gd name="connsiteY59" fmla="*/ 96641 h 254396"/>
                <a:gd name="connsiteX60" fmla="*/ 1580522 w 1597949"/>
                <a:gd name="connsiteY60" fmla="*/ 130837 h 254396"/>
                <a:gd name="connsiteX61" fmla="*/ 1597949 w 1597949"/>
                <a:gd name="connsiteY61" fmla="*/ 175812 h 254396"/>
                <a:gd name="connsiteX62" fmla="*/ 1563466 w 1597949"/>
                <a:gd name="connsiteY62" fmla="*/ 236027 h 254396"/>
                <a:gd name="connsiteX63" fmla="*/ 1491532 w 1597949"/>
                <a:gd name="connsiteY63" fmla="*/ 252753 h 254396"/>
                <a:gd name="connsiteX64" fmla="*/ 1415890 w 1597949"/>
                <a:gd name="connsiteY64" fmla="*/ 243833 h 254396"/>
                <a:gd name="connsiteX65" fmla="*/ 1415890 w 1597949"/>
                <a:gd name="connsiteY65" fmla="*/ 195884 h 254396"/>
                <a:gd name="connsiteX66" fmla="*/ 1488565 w 1597949"/>
                <a:gd name="connsiteY66" fmla="*/ 208893 h 254396"/>
                <a:gd name="connsiteX67" fmla="*/ 1532319 w 1597949"/>
                <a:gd name="connsiteY67" fmla="*/ 186220 h 254396"/>
                <a:gd name="connsiteX68" fmla="*/ 1526386 w 1597949"/>
                <a:gd name="connsiteY68" fmla="*/ 171724 h 254396"/>
                <a:gd name="connsiteX69" fmla="*/ 1493015 w 1597949"/>
                <a:gd name="connsiteY69" fmla="*/ 154254 h 254396"/>
                <a:gd name="connsiteX70" fmla="*/ 1430351 w 1597949"/>
                <a:gd name="connsiteY70" fmla="*/ 120430 h 254396"/>
                <a:gd name="connsiteX71" fmla="*/ 1411440 w 1597949"/>
                <a:gd name="connsiteY71" fmla="*/ 73596 h 254396"/>
                <a:gd name="connsiteX72" fmla="*/ 1438879 w 1597949"/>
                <a:gd name="connsiteY72" fmla="*/ 18957 h 254396"/>
                <a:gd name="connsiteX73" fmla="*/ 1509330 w 1597949"/>
                <a:gd name="connsiteY73" fmla="*/ 0 h 254396"/>
                <a:gd name="connsiteX74" fmla="*/ 97518 w 1597949"/>
                <a:gd name="connsiteY74" fmla="*/ 0 h 254396"/>
                <a:gd name="connsiteX75" fmla="*/ 166857 w 1597949"/>
                <a:gd name="connsiteY75" fmla="*/ 8966 h 254396"/>
                <a:gd name="connsiteX76" fmla="*/ 166857 w 1597949"/>
                <a:gd name="connsiteY76" fmla="*/ 55661 h 254396"/>
                <a:gd name="connsiteX77" fmla="*/ 104564 w 1597949"/>
                <a:gd name="connsiteY77" fmla="*/ 42213 h 254396"/>
                <a:gd name="connsiteX78" fmla="*/ 64147 w 1597949"/>
                <a:gd name="connsiteY78" fmla="*/ 64626 h 254396"/>
                <a:gd name="connsiteX79" fmla="*/ 72675 w 1597949"/>
                <a:gd name="connsiteY79" fmla="*/ 78448 h 254396"/>
                <a:gd name="connsiteX80" fmla="*/ 109755 w 1597949"/>
                <a:gd name="connsiteY80" fmla="*/ 97126 h 254396"/>
                <a:gd name="connsiteX81" fmla="*/ 169082 w 1597949"/>
                <a:gd name="connsiteY81" fmla="*/ 131494 h 254396"/>
                <a:gd name="connsiteX82" fmla="*/ 186509 w 1597949"/>
                <a:gd name="connsiteY82" fmla="*/ 176695 h 254396"/>
                <a:gd name="connsiteX83" fmla="*/ 152025 w 1597949"/>
                <a:gd name="connsiteY83" fmla="*/ 237212 h 254396"/>
                <a:gd name="connsiteX84" fmla="*/ 80462 w 1597949"/>
                <a:gd name="connsiteY84" fmla="*/ 254396 h 254396"/>
                <a:gd name="connsiteX85" fmla="*/ 4820 w 1597949"/>
                <a:gd name="connsiteY85" fmla="*/ 244683 h 254396"/>
                <a:gd name="connsiteX86" fmla="*/ 4820 w 1597949"/>
                <a:gd name="connsiteY86" fmla="*/ 196494 h 254396"/>
                <a:gd name="connsiteX87" fmla="*/ 77496 w 1597949"/>
                <a:gd name="connsiteY87" fmla="*/ 209568 h 254396"/>
                <a:gd name="connsiteX88" fmla="*/ 120878 w 1597949"/>
                <a:gd name="connsiteY88" fmla="*/ 186781 h 254396"/>
                <a:gd name="connsiteX89" fmla="*/ 114204 w 1597949"/>
                <a:gd name="connsiteY89" fmla="*/ 172212 h 254396"/>
                <a:gd name="connsiteX90" fmla="*/ 81574 w 1597949"/>
                <a:gd name="connsiteY90" fmla="*/ 154655 h 254396"/>
                <a:gd name="connsiteX91" fmla="*/ 18910 w 1597949"/>
                <a:gd name="connsiteY91" fmla="*/ 120661 h 254396"/>
                <a:gd name="connsiteX92" fmla="*/ 0 w 1597949"/>
                <a:gd name="connsiteY92" fmla="*/ 73965 h 254396"/>
                <a:gd name="connsiteX93" fmla="*/ 27438 w 1597949"/>
                <a:gd name="connsiteY93" fmla="*/ 19052 h 254396"/>
                <a:gd name="connsiteX94" fmla="*/ 97518 w 1597949"/>
                <a:gd name="connsiteY94" fmla="*/ 0 h 25439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1597949" h="254396">
                  <a:moveTo>
                    <a:pt x="1157347" y="4931"/>
                  </a:moveTo>
                  <a:lnTo>
                    <a:pt x="1235941" y="4931"/>
                  </a:lnTo>
                  <a:lnTo>
                    <a:pt x="1319354" y="168700"/>
                  </a:lnTo>
                  <a:lnTo>
                    <a:pt x="1319354" y="4931"/>
                  </a:lnTo>
                  <a:lnTo>
                    <a:pt x="1366807" y="4931"/>
                  </a:lnTo>
                  <a:lnTo>
                    <a:pt x="1366807" y="249463"/>
                  </a:lnTo>
                  <a:lnTo>
                    <a:pt x="1291179" y="249463"/>
                  </a:lnTo>
                  <a:lnTo>
                    <a:pt x="1205170" y="83451"/>
                  </a:lnTo>
                  <a:lnTo>
                    <a:pt x="1205170" y="249463"/>
                  </a:lnTo>
                  <a:lnTo>
                    <a:pt x="1157347" y="249463"/>
                  </a:lnTo>
                  <a:close/>
                  <a:moveTo>
                    <a:pt x="936042" y="4931"/>
                  </a:moveTo>
                  <a:lnTo>
                    <a:pt x="1110117" y="4931"/>
                  </a:lnTo>
                  <a:lnTo>
                    <a:pt x="1110117" y="49052"/>
                  </a:lnTo>
                  <a:lnTo>
                    <a:pt x="1001367" y="49052"/>
                  </a:lnTo>
                  <a:lnTo>
                    <a:pt x="1001367" y="104015"/>
                  </a:lnTo>
                  <a:lnTo>
                    <a:pt x="1096013" y="104015"/>
                  </a:lnTo>
                  <a:lnTo>
                    <a:pt x="1096013" y="144771"/>
                  </a:lnTo>
                  <a:lnTo>
                    <a:pt x="1001367" y="144771"/>
                  </a:lnTo>
                  <a:lnTo>
                    <a:pt x="1001367" y="202725"/>
                  </a:lnTo>
                  <a:lnTo>
                    <a:pt x="1112716" y="202725"/>
                  </a:lnTo>
                  <a:lnTo>
                    <a:pt x="1112716" y="249463"/>
                  </a:lnTo>
                  <a:lnTo>
                    <a:pt x="936042" y="249463"/>
                  </a:lnTo>
                  <a:close/>
                  <a:moveTo>
                    <a:pt x="577034" y="4931"/>
                  </a:moveTo>
                  <a:lnTo>
                    <a:pt x="665266" y="4931"/>
                  </a:lnTo>
                  <a:lnTo>
                    <a:pt x="725949" y="160843"/>
                  </a:lnTo>
                  <a:lnTo>
                    <a:pt x="789611" y="4931"/>
                  </a:lnTo>
                  <a:lnTo>
                    <a:pt x="873375" y="4931"/>
                  </a:lnTo>
                  <a:lnTo>
                    <a:pt x="873375" y="248870"/>
                  </a:lnTo>
                  <a:lnTo>
                    <a:pt x="808225" y="248870"/>
                  </a:lnTo>
                  <a:lnTo>
                    <a:pt x="808225" y="75800"/>
                  </a:lnTo>
                  <a:lnTo>
                    <a:pt x="737118" y="251108"/>
                  </a:lnTo>
                  <a:lnTo>
                    <a:pt x="694677" y="251108"/>
                  </a:lnTo>
                  <a:lnTo>
                    <a:pt x="625059" y="75800"/>
                  </a:lnTo>
                  <a:lnTo>
                    <a:pt x="625059" y="248870"/>
                  </a:lnTo>
                  <a:lnTo>
                    <a:pt x="577034" y="248870"/>
                  </a:lnTo>
                  <a:close/>
                  <a:moveTo>
                    <a:pt x="355729" y="4931"/>
                  </a:moveTo>
                  <a:lnTo>
                    <a:pt x="530170" y="4931"/>
                  </a:lnTo>
                  <a:lnTo>
                    <a:pt x="530170" y="49052"/>
                  </a:lnTo>
                  <a:lnTo>
                    <a:pt x="420819" y="49052"/>
                  </a:lnTo>
                  <a:lnTo>
                    <a:pt x="420819" y="104015"/>
                  </a:lnTo>
                  <a:lnTo>
                    <a:pt x="516036" y="104015"/>
                  </a:lnTo>
                  <a:lnTo>
                    <a:pt x="516036" y="144771"/>
                  </a:lnTo>
                  <a:lnTo>
                    <a:pt x="420819" y="144771"/>
                  </a:lnTo>
                  <a:lnTo>
                    <a:pt x="420819" y="202725"/>
                  </a:lnTo>
                  <a:lnTo>
                    <a:pt x="532402" y="202725"/>
                  </a:lnTo>
                  <a:lnTo>
                    <a:pt x="532402" y="249463"/>
                  </a:lnTo>
                  <a:lnTo>
                    <a:pt x="355729" y="249463"/>
                  </a:lnTo>
                  <a:close/>
                  <a:moveTo>
                    <a:pt x="226224" y="4931"/>
                  </a:moveTo>
                  <a:lnTo>
                    <a:pt x="293068" y="4931"/>
                  </a:lnTo>
                  <a:lnTo>
                    <a:pt x="293068" y="249464"/>
                  </a:lnTo>
                  <a:lnTo>
                    <a:pt x="259646" y="249464"/>
                  </a:lnTo>
                  <a:lnTo>
                    <a:pt x="226224" y="249464"/>
                  </a:lnTo>
                  <a:close/>
                  <a:moveTo>
                    <a:pt x="1509330" y="0"/>
                  </a:moveTo>
                  <a:cubicBezTo>
                    <a:pt x="1525645" y="0"/>
                    <a:pt x="1546780" y="2230"/>
                    <a:pt x="1573106" y="7806"/>
                  </a:cubicBezTo>
                  <a:lnTo>
                    <a:pt x="1579039" y="8921"/>
                  </a:lnTo>
                  <a:lnTo>
                    <a:pt x="1579039" y="55011"/>
                  </a:lnTo>
                  <a:cubicBezTo>
                    <a:pt x="1556421" y="46090"/>
                    <a:pt x="1535285" y="41630"/>
                    <a:pt x="1516004" y="41630"/>
                  </a:cubicBezTo>
                  <a:cubicBezTo>
                    <a:pt x="1488565" y="41630"/>
                    <a:pt x="1475217" y="49064"/>
                    <a:pt x="1475217" y="63932"/>
                  </a:cubicBezTo>
                  <a:cubicBezTo>
                    <a:pt x="1475217" y="69507"/>
                    <a:pt x="1477812" y="73968"/>
                    <a:pt x="1483745" y="78056"/>
                  </a:cubicBezTo>
                  <a:cubicBezTo>
                    <a:pt x="1488195" y="81030"/>
                    <a:pt x="1500431" y="86977"/>
                    <a:pt x="1521195" y="96641"/>
                  </a:cubicBezTo>
                  <a:cubicBezTo>
                    <a:pt x="1550488" y="109279"/>
                    <a:pt x="1570511" y="120801"/>
                    <a:pt x="1580522" y="130837"/>
                  </a:cubicBezTo>
                  <a:cubicBezTo>
                    <a:pt x="1592017" y="142360"/>
                    <a:pt x="1597949" y="157228"/>
                    <a:pt x="1597949" y="175812"/>
                  </a:cubicBezTo>
                  <a:cubicBezTo>
                    <a:pt x="1597949" y="202203"/>
                    <a:pt x="1586455" y="221903"/>
                    <a:pt x="1563466" y="236027"/>
                  </a:cubicBezTo>
                  <a:cubicBezTo>
                    <a:pt x="1544555" y="247178"/>
                    <a:pt x="1520824" y="252753"/>
                    <a:pt x="1491532" y="252753"/>
                  </a:cubicBezTo>
                  <a:cubicBezTo>
                    <a:pt x="1466689" y="252753"/>
                    <a:pt x="1441475" y="249780"/>
                    <a:pt x="1415890" y="243833"/>
                  </a:cubicBezTo>
                  <a:lnTo>
                    <a:pt x="1415890" y="195884"/>
                  </a:lnTo>
                  <a:cubicBezTo>
                    <a:pt x="1442958" y="204433"/>
                    <a:pt x="1467059" y="208893"/>
                    <a:pt x="1488565" y="208893"/>
                  </a:cubicBezTo>
                  <a:cubicBezTo>
                    <a:pt x="1517487" y="208893"/>
                    <a:pt x="1532319" y="201459"/>
                    <a:pt x="1532319" y="186220"/>
                  </a:cubicBezTo>
                  <a:cubicBezTo>
                    <a:pt x="1532319" y="180273"/>
                    <a:pt x="1530465" y="175812"/>
                    <a:pt x="1526386" y="171724"/>
                  </a:cubicBezTo>
                  <a:cubicBezTo>
                    <a:pt x="1521937" y="167635"/>
                    <a:pt x="1510813" y="161688"/>
                    <a:pt x="1493015" y="154254"/>
                  </a:cubicBezTo>
                  <a:cubicBezTo>
                    <a:pt x="1461127" y="141245"/>
                    <a:pt x="1440362" y="129722"/>
                    <a:pt x="1430351" y="120430"/>
                  </a:cubicBezTo>
                  <a:cubicBezTo>
                    <a:pt x="1418115" y="108535"/>
                    <a:pt x="1411440" y="92552"/>
                    <a:pt x="1411440" y="73596"/>
                  </a:cubicBezTo>
                  <a:cubicBezTo>
                    <a:pt x="1411440" y="49807"/>
                    <a:pt x="1420339" y="31223"/>
                    <a:pt x="1438879" y="18957"/>
                  </a:cubicBezTo>
                  <a:cubicBezTo>
                    <a:pt x="1456677" y="6319"/>
                    <a:pt x="1480779" y="0"/>
                    <a:pt x="1509330" y="0"/>
                  </a:cubicBezTo>
                  <a:close/>
                  <a:moveTo>
                    <a:pt x="97518" y="0"/>
                  </a:moveTo>
                  <a:cubicBezTo>
                    <a:pt x="113463" y="0"/>
                    <a:pt x="136823" y="2989"/>
                    <a:pt x="166857" y="8966"/>
                  </a:cubicBezTo>
                  <a:lnTo>
                    <a:pt x="166857" y="55661"/>
                  </a:lnTo>
                  <a:cubicBezTo>
                    <a:pt x="144609" y="46695"/>
                    <a:pt x="123845" y="42213"/>
                    <a:pt x="104564" y="42213"/>
                  </a:cubicBezTo>
                  <a:cubicBezTo>
                    <a:pt x="77496" y="42213"/>
                    <a:pt x="64147" y="49684"/>
                    <a:pt x="64147" y="64626"/>
                  </a:cubicBezTo>
                  <a:cubicBezTo>
                    <a:pt x="64147" y="70230"/>
                    <a:pt x="67113" y="74712"/>
                    <a:pt x="72675" y="78448"/>
                  </a:cubicBezTo>
                  <a:cubicBezTo>
                    <a:pt x="77125" y="81437"/>
                    <a:pt x="89732" y="87414"/>
                    <a:pt x="109755" y="97126"/>
                  </a:cubicBezTo>
                  <a:cubicBezTo>
                    <a:pt x="139789" y="110201"/>
                    <a:pt x="159441" y="121408"/>
                    <a:pt x="169082" y="131494"/>
                  </a:cubicBezTo>
                  <a:cubicBezTo>
                    <a:pt x="180947" y="142701"/>
                    <a:pt x="186509" y="158017"/>
                    <a:pt x="186509" y="176695"/>
                  </a:cubicBezTo>
                  <a:cubicBezTo>
                    <a:pt x="186509" y="203218"/>
                    <a:pt x="175014" y="223016"/>
                    <a:pt x="152025" y="237212"/>
                  </a:cubicBezTo>
                  <a:cubicBezTo>
                    <a:pt x="133856" y="248792"/>
                    <a:pt x="109384" y="254396"/>
                    <a:pt x="80462" y="254396"/>
                  </a:cubicBezTo>
                  <a:cubicBezTo>
                    <a:pt x="55619" y="253648"/>
                    <a:pt x="30405" y="250660"/>
                    <a:pt x="4820" y="244683"/>
                  </a:cubicBezTo>
                  <a:lnTo>
                    <a:pt x="4820" y="196494"/>
                  </a:lnTo>
                  <a:cubicBezTo>
                    <a:pt x="32259" y="205085"/>
                    <a:pt x="56731" y="209568"/>
                    <a:pt x="77496" y="209568"/>
                  </a:cubicBezTo>
                  <a:cubicBezTo>
                    <a:pt x="106047" y="209568"/>
                    <a:pt x="120878" y="202097"/>
                    <a:pt x="120878" y="186781"/>
                  </a:cubicBezTo>
                  <a:cubicBezTo>
                    <a:pt x="120878" y="180804"/>
                    <a:pt x="119025" y="176321"/>
                    <a:pt x="114204" y="172212"/>
                  </a:cubicBezTo>
                  <a:cubicBezTo>
                    <a:pt x="109755" y="168103"/>
                    <a:pt x="99002" y="162126"/>
                    <a:pt x="81574" y="154655"/>
                  </a:cubicBezTo>
                  <a:cubicBezTo>
                    <a:pt x="49686" y="141580"/>
                    <a:pt x="28922" y="130000"/>
                    <a:pt x="18910" y="120661"/>
                  </a:cubicBezTo>
                  <a:cubicBezTo>
                    <a:pt x="6303" y="107959"/>
                    <a:pt x="0" y="92643"/>
                    <a:pt x="0" y="73965"/>
                  </a:cubicBezTo>
                  <a:cubicBezTo>
                    <a:pt x="0" y="50057"/>
                    <a:pt x="8899" y="31379"/>
                    <a:pt x="27438" y="19052"/>
                  </a:cubicBezTo>
                  <a:cubicBezTo>
                    <a:pt x="45237" y="6351"/>
                    <a:pt x="68967" y="0"/>
                    <a:pt x="97518" y="0"/>
                  </a:cubicBezTo>
                  <a:close/>
                </a:path>
              </a:pathLst>
            </a:custGeom>
            <a:solidFill>
              <a:srgbClr val="009999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1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"/>
                <a:cs typeface=""/>
              </a:endParaRPr>
            </a:p>
          </p:txBody>
        </p:sp>
        <p:sp>
          <p:nvSpPr>
            <p:cNvPr id="498" name="Freihandform 497"/>
            <p:cNvSpPr>
              <a:spLocks noChangeAspect="1" noChangeArrowheads="1"/>
            </p:cNvSpPr>
            <p:nvPr/>
          </p:nvSpPr>
          <p:spPr bwMode="auto">
            <a:xfrm>
              <a:off x="6613648" y="2798826"/>
              <a:ext cx="2292197" cy="316855"/>
            </a:xfrm>
            <a:custGeom>
              <a:avLst/>
              <a:gdLst>
                <a:gd name="connsiteX0" fmla="*/ 561040 w 2292197"/>
                <a:gd name="connsiteY0" fmla="*/ 133276 h 316856"/>
                <a:gd name="connsiteX1" fmla="*/ 514756 w 2292197"/>
                <a:gd name="connsiteY1" fmla="*/ 208959 h 316856"/>
                <a:gd name="connsiteX2" fmla="*/ 553264 w 2292197"/>
                <a:gd name="connsiteY2" fmla="*/ 272711 h 316856"/>
                <a:gd name="connsiteX3" fmla="*/ 587329 w 2292197"/>
                <a:gd name="connsiteY3" fmla="*/ 241394 h 316856"/>
                <a:gd name="connsiteX4" fmla="*/ 587329 w 2292197"/>
                <a:gd name="connsiteY4" fmla="*/ 137750 h 316856"/>
                <a:gd name="connsiteX5" fmla="*/ 561040 w 2292197"/>
                <a:gd name="connsiteY5" fmla="*/ 133276 h 316856"/>
                <a:gd name="connsiteX6" fmla="*/ 1864005 w 2292197"/>
                <a:gd name="connsiteY6" fmla="*/ 131508 h 316856"/>
                <a:gd name="connsiteX7" fmla="*/ 1819277 w 2292197"/>
                <a:gd name="connsiteY7" fmla="*/ 188681 h 316856"/>
                <a:gd name="connsiteX8" fmla="*/ 1885623 w 2292197"/>
                <a:gd name="connsiteY8" fmla="*/ 152434 h 316856"/>
                <a:gd name="connsiteX9" fmla="*/ 1864005 w 2292197"/>
                <a:gd name="connsiteY9" fmla="*/ 131508 h 316856"/>
                <a:gd name="connsiteX10" fmla="*/ 1660732 w 2292197"/>
                <a:gd name="connsiteY10" fmla="*/ 131508 h 316856"/>
                <a:gd name="connsiteX11" fmla="*/ 1615632 w 2292197"/>
                <a:gd name="connsiteY11" fmla="*/ 188681 h 316856"/>
                <a:gd name="connsiteX12" fmla="*/ 1681977 w 2292197"/>
                <a:gd name="connsiteY12" fmla="*/ 152434 h 316856"/>
                <a:gd name="connsiteX13" fmla="*/ 1660732 w 2292197"/>
                <a:gd name="connsiteY13" fmla="*/ 131508 h 316856"/>
                <a:gd name="connsiteX14" fmla="*/ 351674 w 2292197"/>
                <a:gd name="connsiteY14" fmla="*/ 131508 h 316856"/>
                <a:gd name="connsiteX15" fmla="*/ 306574 w 2292197"/>
                <a:gd name="connsiteY15" fmla="*/ 188681 h 316856"/>
                <a:gd name="connsiteX16" fmla="*/ 372919 w 2292197"/>
                <a:gd name="connsiteY16" fmla="*/ 152434 h 316856"/>
                <a:gd name="connsiteX17" fmla="*/ 351674 w 2292197"/>
                <a:gd name="connsiteY17" fmla="*/ 131508 h 316856"/>
                <a:gd name="connsiteX18" fmla="*/ 1234395 w 2292197"/>
                <a:gd name="connsiteY18" fmla="*/ 96976 h 316856"/>
                <a:gd name="connsiteX19" fmla="*/ 1293037 w 2292197"/>
                <a:gd name="connsiteY19" fmla="*/ 96976 h 316856"/>
                <a:gd name="connsiteX20" fmla="*/ 1293037 w 2292197"/>
                <a:gd name="connsiteY20" fmla="*/ 310280 h 316856"/>
                <a:gd name="connsiteX21" fmla="*/ 1263529 w 2292197"/>
                <a:gd name="connsiteY21" fmla="*/ 310280 h 316856"/>
                <a:gd name="connsiteX22" fmla="*/ 1234395 w 2292197"/>
                <a:gd name="connsiteY22" fmla="*/ 310280 h 316856"/>
                <a:gd name="connsiteX23" fmla="*/ 2081174 w 2292197"/>
                <a:gd name="connsiteY23" fmla="*/ 90402 h 316856"/>
                <a:gd name="connsiteX24" fmla="*/ 2115969 w 2292197"/>
                <a:gd name="connsiteY24" fmla="*/ 97838 h 316856"/>
                <a:gd name="connsiteX25" fmla="*/ 2105604 w 2292197"/>
                <a:gd name="connsiteY25" fmla="*/ 148028 h 316856"/>
                <a:gd name="connsiteX26" fmla="*/ 2075991 w 2292197"/>
                <a:gd name="connsiteY26" fmla="*/ 140593 h 316856"/>
                <a:gd name="connsiteX27" fmla="*/ 2040826 w 2292197"/>
                <a:gd name="connsiteY27" fmla="*/ 176656 h 316856"/>
                <a:gd name="connsiteX28" fmla="*/ 2040826 w 2292197"/>
                <a:gd name="connsiteY28" fmla="*/ 308638 h 316856"/>
                <a:gd name="connsiteX29" fmla="*/ 1982710 w 2292197"/>
                <a:gd name="connsiteY29" fmla="*/ 308638 h 316856"/>
                <a:gd name="connsiteX30" fmla="*/ 1982710 w 2292197"/>
                <a:gd name="connsiteY30" fmla="*/ 133157 h 316856"/>
                <a:gd name="connsiteX31" fmla="*/ 1978638 w 2292197"/>
                <a:gd name="connsiteY31" fmla="*/ 96351 h 316856"/>
                <a:gd name="connsiteX32" fmla="*/ 2025649 w 2292197"/>
                <a:gd name="connsiteY32" fmla="*/ 96351 h 316856"/>
                <a:gd name="connsiteX33" fmla="*/ 2031202 w 2292197"/>
                <a:gd name="connsiteY33" fmla="*/ 126837 h 316856"/>
                <a:gd name="connsiteX34" fmla="*/ 2081174 w 2292197"/>
                <a:gd name="connsiteY34" fmla="*/ 90402 h 316856"/>
                <a:gd name="connsiteX35" fmla="*/ 1866986 w 2292197"/>
                <a:gd name="connsiteY35" fmla="*/ 90402 h 316856"/>
                <a:gd name="connsiteX36" fmla="*/ 1937059 w 2292197"/>
                <a:gd name="connsiteY36" fmla="*/ 152060 h 316856"/>
                <a:gd name="connsiteX37" fmla="*/ 1821141 w 2292197"/>
                <a:gd name="connsiteY37" fmla="*/ 230534 h 316856"/>
                <a:gd name="connsiteX38" fmla="*/ 1869595 w 2292197"/>
                <a:gd name="connsiteY38" fmla="*/ 272013 h 316856"/>
                <a:gd name="connsiteX39" fmla="*/ 1922150 w 2292197"/>
                <a:gd name="connsiteY39" fmla="*/ 254076 h 316856"/>
                <a:gd name="connsiteX40" fmla="*/ 1938923 w 2292197"/>
                <a:gd name="connsiteY40" fmla="*/ 293313 h 316856"/>
                <a:gd name="connsiteX41" fmla="*/ 1862141 w 2292197"/>
                <a:gd name="connsiteY41" fmla="*/ 316855 h 316856"/>
                <a:gd name="connsiteX42" fmla="*/ 1762250 w 2292197"/>
                <a:gd name="connsiteY42" fmla="*/ 208487 h 316856"/>
                <a:gd name="connsiteX43" fmla="*/ 1866986 w 2292197"/>
                <a:gd name="connsiteY43" fmla="*/ 90402 h 316856"/>
                <a:gd name="connsiteX44" fmla="*/ 1663713 w 2292197"/>
                <a:gd name="connsiteY44" fmla="*/ 90402 h 316856"/>
                <a:gd name="connsiteX45" fmla="*/ 1733413 w 2292197"/>
                <a:gd name="connsiteY45" fmla="*/ 152060 h 316856"/>
                <a:gd name="connsiteX46" fmla="*/ 1617868 w 2292197"/>
                <a:gd name="connsiteY46" fmla="*/ 230534 h 316856"/>
                <a:gd name="connsiteX47" fmla="*/ 1666322 w 2292197"/>
                <a:gd name="connsiteY47" fmla="*/ 272013 h 316856"/>
                <a:gd name="connsiteX48" fmla="*/ 1718504 w 2292197"/>
                <a:gd name="connsiteY48" fmla="*/ 254076 h 316856"/>
                <a:gd name="connsiteX49" fmla="*/ 1735650 w 2292197"/>
                <a:gd name="connsiteY49" fmla="*/ 293313 h 316856"/>
                <a:gd name="connsiteX50" fmla="*/ 1658495 w 2292197"/>
                <a:gd name="connsiteY50" fmla="*/ 316855 h 316856"/>
                <a:gd name="connsiteX51" fmla="*/ 1558977 w 2292197"/>
                <a:gd name="connsiteY51" fmla="*/ 208487 h 316856"/>
                <a:gd name="connsiteX52" fmla="*/ 1663713 w 2292197"/>
                <a:gd name="connsiteY52" fmla="*/ 90402 h 316856"/>
                <a:gd name="connsiteX53" fmla="*/ 1457145 w 2292197"/>
                <a:gd name="connsiteY53" fmla="*/ 90402 h 316856"/>
                <a:gd name="connsiteX54" fmla="*/ 1524180 w 2292197"/>
                <a:gd name="connsiteY54" fmla="*/ 164015 h 316856"/>
                <a:gd name="connsiteX55" fmla="*/ 1524180 w 2292197"/>
                <a:gd name="connsiteY55" fmla="*/ 308638 h 316856"/>
                <a:gd name="connsiteX56" fmla="*/ 1465710 w 2292197"/>
                <a:gd name="connsiteY56" fmla="*/ 308638 h 316856"/>
                <a:gd name="connsiteX57" fmla="*/ 1465710 w 2292197"/>
                <a:gd name="connsiteY57" fmla="*/ 174797 h 316856"/>
                <a:gd name="connsiteX58" fmla="*/ 1439641 w 2292197"/>
                <a:gd name="connsiteY58" fmla="*/ 134644 h 316856"/>
                <a:gd name="connsiteX59" fmla="*/ 1403516 w 2292197"/>
                <a:gd name="connsiteY59" fmla="*/ 172566 h 316856"/>
                <a:gd name="connsiteX60" fmla="*/ 1403516 w 2292197"/>
                <a:gd name="connsiteY60" fmla="*/ 308638 h 316856"/>
                <a:gd name="connsiteX61" fmla="*/ 1345047 w 2292197"/>
                <a:gd name="connsiteY61" fmla="*/ 308638 h 316856"/>
                <a:gd name="connsiteX62" fmla="*/ 1345047 w 2292197"/>
                <a:gd name="connsiteY62" fmla="*/ 135760 h 316856"/>
                <a:gd name="connsiteX63" fmla="*/ 1340950 w 2292197"/>
                <a:gd name="connsiteY63" fmla="*/ 96351 h 316856"/>
                <a:gd name="connsiteX64" fmla="*/ 1389737 w 2292197"/>
                <a:gd name="connsiteY64" fmla="*/ 96351 h 316856"/>
                <a:gd name="connsiteX65" fmla="*/ 1393834 w 2292197"/>
                <a:gd name="connsiteY65" fmla="*/ 121632 h 316856"/>
                <a:gd name="connsiteX66" fmla="*/ 1457145 w 2292197"/>
                <a:gd name="connsiteY66" fmla="*/ 90402 h 316856"/>
                <a:gd name="connsiteX67" fmla="*/ 568075 w 2292197"/>
                <a:gd name="connsiteY67" fmla="*/ 90402 h 316856"/>
                <a:gd name="connsiteX68" fmla="*/ 644721 w 2292197"/>
                <a:gd name="connsiteY68" fmla="*/ 105688 h 316856"/>
                <a:gd name="connsiteX69" fmla="*/ 644721 w 2292197"/>
                <a:gd name="connsiteY69" fmla="*/ 266746 h 316856"/>
                <a:gd name="connsiteX70" fmla="*/ 648794 w 2292197"/>
                <a:gd name="connsiteY70" fmla="*/ 309247 h 316856"/>
                <a:gd name="connsiteX71" fmla="*/ 599178 w 2292197"/>
                <a:gd name="connsiteY71" fmla="*/ 309247 h 316856"/>
                <a:gd name="connsiteX72" fmla="*/ 596215 w 2292197"/>
                <a:gd name="connsiteY72" fmla="*/ 287624 h 316856"/>
                <a:gd name="connsiteX73" fmla="*/ 594364 w 2292197"/>
                <a:gd name="connsiteY73" fmla="*/ 287251 h 316856"/>
                <a:gd name="connsiteX74" fmla="*/ 538083 w 2292197"/>
                <a:gd name="connsiteY74" fmla="*/ 315212 h 316856"/>
                <a:gd name="connsiteX75" fmla="*/ 457365 w 2292197"/>
                <a:gd name="connsiteY75" fmla="*/ 212314 h 316856"/>
                <a:gd name="connsiteX76" fmla="*/ 568075 w 2292197"/>
                <a:gd name="connsiteY76" fmla="*/ 90402 h 316856"/>
                <a:gd name="connsiteX77" fmla="*/ 353910 w 2292197"/>
                <a:gd name="connsiteY77" fmla="*/ 90402 h 316856"/>
                <a:gd name="connsiteX78" fmla="*/ 423983 w 2292197"/>
                <a:gd name="connsiteY78" fmla="*/ 152060 h 316856"/>
                <a:gd name="connsiteX79" fmla="*/ 308065 w 2292197"/>
                <a:gd name="connsiteY79" fmla="*/ 230534 h 316856"/>
                <a:gd name="connsiteX80" fmla="*/ 356519 w 2292197"/>
                <a:gd name="connsiteY80" fmla="*/ 272013 h 316856"/>
                <a:gd name="connsiteX81" fmla="*/ 409073 w 2292197"/>
                <a:gd name="connsiteY81" fmla="*/ 254076 h 316856"/>
                <a:gd name="connsiteX82" fmla="*/ 425846 w 2292197"/>
                <a:gd name="connsiteY82" fmla="*/ 293313 h 316856"/>
                <a:gd name="connsiteX83" fmla="*/ 349065 w 2292197"/>
                <a:gd name="connsiteY83" fmla="*/ 316855 h 316856"/>
                <a:gd name="connsiteX84" fmla="*/ 249174 w 2292197"/>
                <a:gd name="connsiteY84" fmla="*/ 208487 h 316856"/>
                <a:gd name="connsiteX85" fmla="*/ 353910 w 2292197"/>
                <a:gd name="connsiteY85" fmla="*/ 90402 h 316856"/>
                <a:gd name="connsiteX86" fmla="*/ 2208041 w 2292197"/>
                <a:gd name="connsiteY86" fmla="*/ 90249 h 316856"/>
                <a:gd name="connsiteX87" fmla="*/ 2277182 w 2292197"/>
                <a:gd name="connsiteY87" fmla="*/ 108139 h 316856"/>
                <a:gd name="connsiteX88" fmla="*/ 2277182 w 2292197"/>
                <a:gd name="connsiteY88" fmla="*/ 108512 h 316856"/>
                <a:gd name="connsiteX89" fmla="*/ 2259711 w 2292197"/>
                <a:gd name="connsiteY89" fmla="*/ 148764 h 316856"/>
                <a:gd name="connsiteX90" fmla="*/ 2213245 w 2292197"/>
                <a:gd name="connsiteY90" fmla="*/ 131620 h 316856"/>
                <a:gd name="connsiteX91" fmla="*/ 2189455 w 2292197"/>
                <a:gd name="connsiteY91" fmla="*/ 152119 h 316856"/>
                <a:gd name="connsiteX92" fmla="*/ 2224025 w 2292197"/>
                <a:gd name="connsiteY92" fmla="*/ 177836 h 316856"/>
                <a:gd name="connsiteX93" fmla="*/ 2292050 w 2292197"/>
                <a:gd name="connsiteY93" fmla="*/ 238960 h 316856"/>
                <a:gd name="connsiteX94" fmla="*/ 2214360 w 2292197"/>
                <a:gd name="connsiteY94" fmla="*/ 314993 h 316856"/>
                <a:gd name="connsiteX95" fmla="*/ 2133325 w 2292197"/>
                <a:gd name="connsiteY95" fmla="*/ 297103 h 316856"/>
                <a:gd name="connsiteX96" fmla="*/ 2150796 w 2292197"/>
                <a:gd name="connsiteY96" fmla="*/ 257223 h 316856"/>
                <a:gd name="connsiteX97" fmla="*/ 2208784 w 2292197"/>
                <a:gd name="connsiteY97" fmla="*/ 272504 h 316856"/>
                <a:gd name="connsiteX98" fmla="*/ 2234433 w 2292197"/>
                <a:gd name="connsiteY98" fmla="*/ 249023 h 316856"/>
                <a:gd name="connsiteX99" fmla="*/ 2199863 w 2292197"/>
                <a:gd name="connsiteY99" fmla="*/ 224424 h 316856"/>
                <a:gd name="connsiteX100" fmla="*/ 2133325 w 2292197"/>
                <a:gd name="connsiteY100" fmla="*/ 162555 h 316856"/>
                <a:gd name="connsiteX101" fmla="*/ 2208041 w 2292197"/>
                <a:gd name="connsiteY101" fmla="*/ 90249 h 316856"/>
                <a:gd name="connsiteX102" fmla="*/ 1004892 w 2292197"/>
                <a:gd name="connsiteY102" fmla="*/ 31230 h 316856"/>
                <a:gd name="connsiteX103" fmla="*/ 1063095 w 2292197"/>
                <a:gd name="connsiteY103" fmla="*/ 31230 h 316856"/>
                <a:gd name="connsiteX104" fmla="*/ 1063095 w 2292197"/>
                <a:gd name="connsiteY104" fmla="*/ 112822 h 316856"/>
                <a:gd name="connsiteX105" fmla="*/ 1115736 w 2292197"/>
                <a:gd name="connsiteY105" fmla="*/ 90841 h 316856"/>
                <a:gd name="connsiteX106" fmla="*/ 1183207 w 2292197"/>
                <a:gd name="connsiteY106" fmla="*/ 165727 h 316856"/>
                <a:gd name="connsiteX107" fmla="*/ 1183207 w 2292197"/>
                <a:gd name="connsiteY107" fmla="*/ 310283 h 316856"/>
                <a:gd name="connsiteX108" fmla="*/ 1125004 w 2292197"/>
                <a:gd name="connsiteY108" fmla="*/ 310283 h 316856"/>
                <a:gd name="connsiteX109" fmla="*/ 1125004 w 2292197"/>
                <a:gd name="connsiteY109" fmla="*/ 174668 h 316856"/>
                <a:gd name="connsiteX110" fmla="*/ 1098313 w 2292197"/>
                <a:gd name="connsiteY110" fmla="*/ 136294 h 316856"/>
                <a:gd name="connsiteX111" fmla="*/ 1062353 w 2292197"/>
                <a:gd name="connsiteY111" fmla="*/ 173178 h 316856"/>
                <a:gd name="connsiteX112" fmla="*/ 1062353 w 2292197"/>
                <a:gd name="connsiteY112" fmla="*/ 310283 h 316856"/>
                <a:gd name="connsiteX113" fmla="*/ 1004892 w 2292197"/>
                <a:gd name="connsiteY113" fmla="*/ 310283 h 316856"/>
                <a:gd name="connsiteX114" fmla="*/ 842391 w 2292197"/>
                <a:gd name="connsiteY114" fmla="*/ 31230 h 316856"/>
                <a:gd name="connsiteX115" fmla="*/ 900136 w 2292197"/>
                <a:gd name="connsiteY115" fmla="*/ 31230 h 316856"/>
                <a:gd name="connsiteX116" fmla="*/ 900136 w 2292197"/>
                <a:gd name="connsiteY116" fmla="*/ 97603 h 316856"/>
                <a:gd name="connsiteX117" fmla="*/ 954920 w 2292197"/>
                <a:gd name="connsiteY117" fmla="*/ 97603 h 316856"/>
                <a:gd name="connsiteX118" fmla="*/ 954920 w 2292197"/>
                <a:gd name="connsiteY118" fmla="*/ 143467 h 316856"/>
                <a:gd name="connsiteX119" fmla="*/ 900877 w 2292197"/>
                <a:gd name="connsiteY119" fmla="*/ 143467 h 316856"/>
                <a:gd name="connsiteX120" fmla="*/ 900877 w 2292197"/>
                <a:gd name="connsiteY120" fmla="*/ 238551 h 316856"/>
                <a:gd name="connsiteX121" fmla="*/ 921236 w 2292197"/>
                <a:gd name="connsiteY121" fmla="*/ 270992 h 316856"/>
                <a:gd name="connsiteX122" fmla="*/ 946407 w 2292197"/>
                <a:gd name="connsiteY122" fmla="*/ 264653 h 316856"/>
                <a:gd name="connsiteX123" fmla="*/ 958622 w 2292197"/>
                <a:gd name="connsiteY123" fmla="*/ 303433 h 316856"/>
                <a:gd name="connsiteX124" fmla="*/ 905689 w 2292197"/>
                <a:gd name="connsiteY124" fmla="*/ 316856 h 316856"/>
                <a:gd name="connsiteX125" fmla="*/ 842391 w 2292197"/>
                <a:gd name="connsiteY125" fmla="*/ 247128 h 316856"/>
                <a:gd name="connsiteX126" fmla="*/ 842391 w 2292197"/>
                <a:gd name="connsiteY126" fmla="*/ 143467 h 316856"/>
                <a:gd name="connsiteX127" fmla="*/ 809816 w 2292197"/>
                <a:gd name="connsiteY127" fmla="*/ 143467 h 316856"/>
                <a:gd name="connsiteX128" fmla="*/ 809816 w 2292197"/>
                <a:gd name="connsiteY128" fmla="*/ 97603 h 316856"/>
                <a:gd name="connsiteX129" fmla="*/ 842391 w 2292197"/>
                <a:gd name="connsiteY129" fmla="*/ 97603 h 316856"/>
                <a:gd name="connsiteX130" fmla="*/ 698343 w 2292197"/>
                <a:gd name="connsiteY130" fmla="*/ 31230 h 316856"/>
                <a:gd name="connsiteX131" fmla="*/ 756722 w 2292197"/>
                <a:gd name="connsiteY131" fmla="*/ 31230 h 316856"/>
                <a:gd name="connsiteX132" fmla="*/ 756722 w 2292197"/>
                <a:gd name="connsiteY132" fmla="*/ 238449 h 316856"/>
                <a:gd name="connsiteX133" fmla="*/ 777045 w 2292197"/>
                <a:gd name="connsiteY133" fmla="*/ 270932 h 316856"/>
                <a:gd name="connsiteX134" fmla="*/ 802170 w 2292197"/>
                <a:gd name="connsiteY134" fmla="*/ 264584 h 316856"/>
                <a:gd name="connsiteX135" fmla="*/ 814364 w 2292197"/>
                <a:gd name="connsiteY135" fmla="*/ 303415 h 316856"/>
                <a:gd name="connsiteX136" fmla="*/ 761895 w 2292197"/>
                <a:gd name="connsiteY136" fmla="*/ 316856 h 316856"/>
                <a:gd name="connsiteX137" fmla="*/ 698343 w 2292197"/>
                <a:gd name="connsiteY137" fmla="*/ 247036 h 316856"/>
                <a:gd name="connsiteX138" fmla="*/ 0 w 2292197"/>
                <a:gd name="connsiteY138" fmla="*/ 31230 h 316856"/>
                <a:gd name="connsiteX139" fmla="*/ 59654 w 2292197"/>
                <a:gd name="connsiteY139" fmla="*/ 31230 h 316856"/>
                <a:gd name="connsiteX140" fmla="*/ 59654 w 2292197"/>
                <a:gd name="connsiteY140" fmla="*/ 142255 h 316856"/>
                <a:gd name="connsiteX141" fmla="*/ 145779 w 2292197"/>
                <a:gd name="connsiteY141" fmla="*/ 142255 h 316856"/>
                <a:gd name="connsiteX142" fmla="*/ 145779 w 2292197"/>
                <a:gd name="connsiteY142" fmla="*/ 31230 h 316856"/>
                <a:gd name="connsiteX143" fmla="*/ 206179 w 2292197"/>
                <a:gd name="connsiteY143" fmla="*/ 31230 h 316856"/>
                <a:gd name="connsiteX144" fmla="*/ 206179 w 2292197"/>
                <a:gd name="connsiteY144" fmla="*/ 310283 h 316856"/>
                <a:gd name="connsiteX145" fmla="*/ 145779 w 2292197"/>
                <a:gd name="connsiteY145" fmla="*/ 310283 h 316856"/>
                <a:gd name="connsiteX146" fmla="*/ 145779 w 2292197"/>
                <a:gd name="connsiteY146" fmla="*/ 194787 h 316856"/>
                <a:gd name="connsiteX147" fmla="*/ 59654 w 2292197"/>
                <a:gd name="connsiteY147" fmla="*/ 194787 h 316856"/>
                <a:gd name="connsiteX148" fmla="*/ 59654 w 2292197"/>
                <a:gd name="connsiteY148" fmla="*/ 310283 h 316856"/>
                <a:gd name="connsiteX149" fmla="*/ 0 w 2292197"/>
                <a:gd name="connsiteY149" fmla="*/ 310283 h 316856"/>
                <a:gd name="connsiteX150" fmla="*/ 1262898 w 2292197"/>
                <a:gd name="connsiteY150" fmla="*/ 0 h 316856"/>
                <a:gd name="connsiteX151" fmla="*/ 1294680 w 2292197"/>
                <a:gd name="connsiteY151" fmla="*/ 30408 h 316856"/>
                <a:gd name="connsiteX152" fmla="*/ 1262898 w 2292197"/>
                <a:gd name="connsiteY152" fmla="*/ 60442 h 316856"/>
                <a:gd name="connsiteX153" fmla="*/ 1231116 w 2292197"/>
                <a:gd name="connsiteY153" fmla="*/ 30408 h 316856"/>
                <a:gd name="connsiteX154" fmla="*/ 1262898 w 2292197"/>
                <a:gd name="connsiteY154" fmla="*/ 0 h 31685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2292197" h="316856">
                  <a:moveTo>
                    <a:pt x="561040" y="133276"/>
                  </a:moveTo>
                  <a:cubicBezTo>
                    <a:pt x="526975" y="133276"/>
                    <a:pt x="514756" y="167576"/>
                    <a:pt x="514756" y="208959"/>
                  </a:cubicBezTo>
                  <a:cubicBezTo>
                    <a:pt x="514756" y="242885"/>
                    <a:pt x="522532" y="272711"/>
                    <a:pt x="553264" y="272711"/>
                  </a:cubicBezTo>
                  <a:cubicBezTo>
                    <a:pt x="575110" y="272711"/>
                    <a:pt x="587329" y="256680"/>
                    <a:pt x="587329" y="241394"/>
                  </a:cubicBezTo>
                  <a:lnTo>
                    <a:pt x="587329" y="137750"/>
                  </a:lnTo>
                  <a:cubicBezTo>
                    <a:pt x="581775" y="135140"/>
                    <a:pt x="572148" y="133276"/>
                    <a:pt x="561040" y="133276"/>
                  </a:cubicBezTo>
                  <a:close/>
                  <a:moveTo>
                    <a:pt x="1864005" y="131508"/>
                  </a:moveTo>
                  <a:cubicBezTo>
                    <a:pt x="1835677" y="131508"/>
                    <a:pt x="1820768" y="159908"/>
                    <a:pt x="1819277" y="188681"/>
                  </a:cubicBezTo>
                  <a:cubicBezTo>
                    <a:pt x="1846486" y="187934"/>
                    <a:pt x="1885623" y="181208"/>
                    <a:pt x="1885623" y="152434"/>
                  </a:cubicBezTo>
                  <a:cubicBezTo>
                    <a:pt x="1885623" y="139355"/>
                    <a:pt x="1877795" y="131508"/>
                    <a:pt x="1864005" y="131508"/>
                  </a:cubicBezTo>
                  <a:close/>
                  <a:moveTo>
                    <a:pt x="1660732" y="131508"/>
                  </a:moveTo>
                  <a:cubicBezTo>
                    <a:pt x="1632032" y="131508"/>
                    <a:pt x="1617123" y="159908"/>
                    <a:pt x="1615632" y="188681"/>
                  </a:cubicBezTo>
                  <a:cubicBezTo>
                    <a:pt x="1643213" y="187934"/>
                    <a:pt x="1681977" y="181208"/>
                    <a:pt x="1681977" y="152434"/>
                  </a:cubicBezTo>
                  <a:cubicBezTo>
                    <a:pt x="1681977" y="139355"/>
                    <a:pt x="1673777" y="131508"/>
                    <a:pt x="1660732" y="131508"/>
                  </a:cubicBezTo>
                  <a:close/>
                  <a:moveTo>
                    <a:pt x="351674" y="131508"/>
                  </a:moveTo>
                  <a:cubicBezTo>
                    <a:pt x="322974" y="131508"/>
                    <a:pt x="308065" y="159908"/>
                    <a:pt x="306574" y="188681"/>
                  </a:cubicBezTo>
                  <a:cubicBezTo>
                    <a:pt x="334155" y="187934"/>
                    <a:pt x="372919" y="181208"/>
                    <a:pt x="372919" y="152434"/>
                  </a:cubicBezTo>
                  <a:cubicBezTo>
                    <a:pt x="372919" y="139355"/>
                    <a:pt x="364719" y="131508"/>
                    <a:pt x="351674" y="131508"/>
                  </a:cubicBezTo>
                  <a:close/>
                  <a:moveTo>
                    <a:pt x="1234395" y="96976"/>
                  </a:moveTo>
                  <a:lnTo>
                    <a:pt x="1293037" y="96976"/>
                  </a:lnTo>
                  <a:lnTo>
                    <a:pt x="1293037" y="310280"/>
                  </a:lnTo>
                  <a:lnTo>
                    <a:pt x="1263529" y="310280"/>
                  </a:lnTo>
                  <a:lnTo>
                    <a:pt x="1234395" y="310280"/>
                  </a:lnTo>
                  <a:close/>
                  <a:moveTo>
                    <a:pt x="2081174" y="90402"/>
                  </a:moveTo>
                  <a:cubicBezTo>
                    <a:pt x="2093389" y="90402"/>
                    <a:pt x="2105975" y="92261"/>
                    <a:pt x="2115969" y="97838"/>
                  </a:cubicBezTo>
                  <a:lnTo>
                    <a:pt x="2105604" y="148028"/>
                  </a:lnTo>
                  <a:cubicBezTo>
                    <a:pt x="2096721" y="143567"/>
                    <a:pt x="2086726" y="140593"/>
                    <a:pt x="2075991" y="140593"/>
                  </a:cubicBezTo>
                  <a:cubicBezTo>
                    <a:pt x="2054892" y="140593"/>
                    <a:pt x="2041566" y="154720"/>
                    <a:pt x="2040826" y="176656"/>
                  </a:cubicBezTo>
                  <a:lnTo>
                    <a:pt x="2040826" y="308638"/>
                  </a:lnTo>
                  <a:lnTo>
                    <a:pt x="1982710" y="308638"/>
                  </a:lnTo>
                  <a:lnTo>
                    <a:pt x="1982710" y="133157"/>
                  </a:lnTo>
                  <a:lnTo>
                    <a:pt x="1978638" y="96351"/>
                  </a:lnTo>
                  <a:lnTo>
                    <a:pt x="2025649" y="96351"/>
                  </a:lnTo>
                  <a:lnTo>
                    <a:pt x="2031202" y="126837"/>
                  </a:lnTo>
                  <a:cubicBezTo>
                    <a:pt x="2041196" y="102299"/>
                    <a:pt x="2061555" y="90402"/>
                    <a:pt x="2081174" y="90402"/>
                  </a:cubicBezTo>
                  <a:close/>
                  <a:moveTo>
                    <a:pt x="1866986" y="90402"/>
                  </a:moveTo>
                  <a:cubicBezTo>
                    <a:pt x="1909477" y="90402"/>
                    <a:pt x="1937059" y="111702"/>
                    <a:pt x="1937059" y="152060"/>
                  </a:cubicBezTo>
                  <a:cubicBezTo>
                    <a:pt x="1937059" y="215213"/>
                    <a:pt x="1872577" y="227545"/>
                    <a:pt x="1821141" y="230534"/>
                  </a:cubicBezTo>
                  <a:cubicBezTo>
                    <a:pt x="1824123" y="250713"/>
                    <a:pt x="1837541" y="272013"/>
                    <a:pt x="1869595" y="272013"/>
                  </a:cubicBezTo>
                  <a:cubicBezTo>
                    <a:pt x="1891959" y="272013"/>
                    <a:pt x="1910223" y="262297"/>
                    <a:pt x="1922150" y="254076"/>
                  </a:cubicBezTo>
                  <a:lnTo>
                    <a:pt x="1938923" y="293313"/>
                  </a:lnTo>
                  <a:cubicBezTo>
                    <a:pt x="1934077" y="297050"/>
                    <a:pt x="1904632" y="316855"/>
                    <a:pt x="1862141" y="316855"/>
                  </a:cubicBezTo>
                  <a:cubicBezTo>
                    <a:pt x="1790577" y="316855"/>
                    <a:pt x="1762250" y="271640"/>
                    <a:pt x="1762250" y="208487"/>
                  </a:cubicBezTo>
                  <a:cubicBezTo>
                    <a:pt x="1762250" y="146829"/>
                    <a:pt x="1798405" y="90402"/>
                    <a:pt x="1866986" y="90402"/>
                  </a:cubicBezTo>
                  <a:close/>
                  <a:moveTo>
                    <a:pt x="1663713" y="90402"/>
                  </a:moveTo>
                  <a:cubicBezTo>
                    <a:pt x="1706204" y="90402"/>
                    <a:pt x="1733413" y="111702"/>
                    <a:pt x="1733413" y="152060"/>
                  </a:cubicBezTo>
                  <a:cubicBezTo>
                    <a:pt x="1733413" y="215213"/>
                    <a:pt x="1669304" y="227545"/>
                    <a:pt x="1617868" y="230534"/>
                  </a:cubicBezTo>
                  <a:cubicBezTo>
                    <a:pt x="1620850" y="250713"/>
                    <a:pt x="1634268" y="272013"/>
                    <a:pt x="1666322" y="272013"/>
                  </a:cubicBezTo>
                  <a:cubicBezTo>
                    <a:pt x="1688686" y="272013"/>
                    <a:pt x="1706577" y="262297"/>
                    <a:pt x="1718504" y="254076"/>
                  </a:cubicBezTo>
                  <a:lnTo>
                    <a:pt x="1735650" y="293313"/>
                  </a:lnTo>
                  <a:cubicBezTo>
                    <a:pt x="1730431" y="297050"/>
                    <a:pt x="1700986" y="316855"/>
                    <a:pt x="1658495" y="316855"/>
                  </a:cubicBezTo>
                  <a:cubicBezTo>
                    <a:pt x="1587304" y="316855"/>
                    <a:pt x="1558977" y="271640"/>
                    <a:pt x="1558977" y="208487"/>
                  </a:cubicBezTo>
                  <a:cubicBezTo>
                    <a:pt x="1558977" y="146829"/>
                    <a:pt x="1594759" y="90402"/>
                    <a:pt x="1663713" y="90402"/>
                  </a:cubicBezTo>
                  <a:close/>
                  <a:moveTo>
                    <a:pt x="1457145" y="90402"/>
                  </a:moveTo>
                  <a:cubicBezTo>
                    <a:pt x="1498483" y="90402"/>
                    <a:pt x="1524180" y="113824"/>
                    <a:pt x="1524180" y="164015"/>
                  </a:cubicBezTo>
                  <a:lnTo>
                    <a:pt x="1524180" y="308638"/>
                  </a:lnTo>
                  <a:lnTo>
                    <a:pt x="1465710" y="308638"/>
                  </a:lnTo>
                  <a:lnTo>
                    <a:pt x="1465710" y="174797"/>
                  </a:lnTo>
                  <a:cubicBezTo>
                    <a:pt x="1465710" y="152118"/>
                    <a:pt x="1462358" y="134644"/>
                    <a:pt x="1439641" y="134644"/>
                  </a:cubicBezTo>
                  <a:cubicBezTo>
                    <a:pt x="1417668" y="134644"/>
                    <a:pt x="1403516" y="152490"/>
                    <a:pt x="1403516" y="172566"/>
                  </a:cubicBezTo>
                  <a:lnTo>
                    <a:pt x="1403516" y="308638"/>
                  </a:lnTo>
                  <a:lnTo>
                    <a:pt x="1345047" y="308638"/>
                  </a:lnTo>
                  <a:lnTo>
                    <a:pt x="1345047" y="135760"/>
                  </a:lnTo>
                  <a:lnTo>
                    <a:pt x="1340950" y="96351"/>
                  </a:lnTo>
                  <a:lnTo>
                    <a:pt x="1389737" y="96351"/>
                  </a:lnTo>
                  <a:lnTo>
                    <a:pt x="1393834" y="121632"/>
                  </a:lnTo>
                  <a:cubicBezTo>
                    <a:pt x="1407985" y="102299"/>
                    <a:pt x="1429213" y="90402"/>
                    <a:pt x="1457145" y="90402"/>
                  </a:cubicBezTo>
                  <a:close/>
                  <a:moveTo>
                    <a:pt x="568075" y="90402"/>
                  </a:moveTo>
                  <a:cubicBezTo>
                    <a:pt x="582516" y="90402"/>
                    <a:pt x="613248" y="93758"/>
                    <a:pt x="644721" y="105688"/>
                  </a:cubicBezTo>
                  <a:lnTo>
                    <a:pt x="644721" y="266746"/>
                  </a:lnTo>
                  <a:lnTo>
                    <a:pt x="648794" y="309247"/>
                  </a:lnTo>
                  <a:lnTo>
                    <a:pt x="599178" y="309247"/>
                  </a:lnTo>
                  <a:lnTo>
                    <a:pt x="596215" y="287624"/>
                  </a:lnTo>
                  <a:lnTo>
                    <a:pt x="594364" y="287251"/>
                  </a:lnTo>
                  <a:cubicBezTo>
                    <a:pt x="581775" y="306637"/>
                    <a:pt x="560670" y="315212"/>
                    <a:pt x="538083" y="315212"/>
                  </a:cubicBezTo>
                  <a:cubicBezTo>
                    <a:pt x="477730" y="315212"/>
                    <a:pt x="457365" y="269356"/>
                    <a:pt x="457365" y="212314"/>
                  </a:cubicBezTo>
                  <a:cubicBezTo>
                    <a:pt x="457365" y="138869"/>
                    <a:pt x="494021" y="90402"/>
                    <a:pt x="568075" y="90402"/>
                  </a:cubicBezTo>
                  <a:close/>
                  <a:moveTo>
                    <a:pt x="353910" y="90402"/>
                  </a:moveTo>
                  <a:cubicBezTo>
                    <a:pt x="396401" y="90402"/>
                    <a:pt x="423983" y="111702"/>
                    <a:pt x="423983" y="152060"/>
                  </a:cubicBezTo>
                  <a:cubicBezTo>
                    <a:pt x="423983" y="215213"/>
                    <a:pt x="360246" y="227545"/>
                    <a:pt x="308065" y="230534"/>
                  </a:cubicBezTo>
                  <a:cubicBezTo>
                    <a:pt x="311046" y="250713"/>
                    <a:pt x="324465" y="272013"/>
                    <a:pt x="356519" y="272013"/>
                  </a:cubicBezTo>
                  <a:cubicBezTo>
                    <a:pt x="378883" y="272013"/>
                    <a:pt x="397146" y="262297"/>
                    <a:pt x="409073" y="254076"/>
                  </a:cubicBezTo>
                  <a:lnTo>
                    <a:pt x="425846" y="293313"/>
                  </a:lnTo>
                  <a:cubicBezTo>
                    <a:pt x="421001" y="297050"/>
                    <a:pt x="391555" y="316855"/>
                    <a:pt x="349065" y="316855"/>
                  </a:cubicBezTo>
                  <a:cubicBezTo>
                    <a:pt x="277501" y="316855"/>
                    <a:pt x="249174" y="271640"/>
                    <a:pt x="249174" y="208487"/>
                  </a:cubicBezTo>
                  <a:cubicBezTo>
                    <a:pt x="249174" y="146829"/>
                    <a:pt x="285328" y="90402"/>
                    <a:pt x="353910" y="90402"/>
                  </a:cubicBezTo>
                  <a:close/>
                  <a:moveTo>
                    <a:pt x="2208041" y="90249"/>
                  </a:moveTo>
                  <a:cubicBezTo>
                    <a:pt x="2234433" y="88758"/>
                    <a:pt x="2258595" y="96212"/>
                    <a:pt x="2277182" y="108139"/>
                  </a:cubicBezTo>
                  <a:lnTo>
                    <a:pt x="2277182" y="108512"/>
                  </a:lnTo>
                  <a:lnTo>
                    <a:pt x="2259711" y="148764"/>
                  </a:lnTo>
                  <a:cubicBezTo>
                    <a:pt x="2243355" y="137210"/>
                    <a:pt x="2227742" y="131247"/>
                    <a:pt x="2213245" y="131620"/>
                  </a:cubicBezTo>
                  <a:cubicBezTo>
                    <a:pt x="2199863" y="131992"/>
                    <a:pt x="2189083" y="137956"/>
                    <a:pt x="2189455" y="152119"/>
                  </a:cubicBezTo>
                  <a:cubicBezTo>
                    <a:pt x="2190570" y="168518"/>
                    <a:pt x="2205067" y="172618"/>
                    <a:pt x="2224025" y="177836"/>
                  </a:cubicBezTo>
                  <a:cubicBezTo>
                    <a:pt x="2254878" y="185663"/>
                    <a:pt x="2289448" y="194980"/>
                    <a:pt x="2292050" y="238960"/>
                  </a:cubicBezTo>
                  <a:cubicBezTo>
                    <a:pt x="2294653" y="287040"/>
                    <a:pt x="2262684" y="312384"/>
                    <a:pt x="2214360" y="314993"/>
                  </a:cubicBezTo>
                  <a:cubicBezTo>
                    <a:pt x="2177188" y="316856"/>
                    <a:pt x="2145591" y="304930"/>
                    <a:pt x="2133325" y="297103"/>
                  </a:cubicBezTo>
                  <a:lnTo>
                    <a:pt x="2150796" y="257223"/>
                  </a:lnTo>
                  <a:cubicBezTo>
                    <a:pt x="2166036" y="265050"/>
                    <a:pt x="2189827" y="273622"/>
                    <a:pt x="2208784" y="272504"/>
                  </a:cubicBezTo>
                  <a:cubicBezTo>
                    <a:pt x="2224397" y="272131"/>
                    <a:pt x="2235177" y="265050"/>
                    <a:pt x="2234433" y="249023"/>
                  </a:cubicBezTo>
                  <a:cubicBezTo>
                    <a:pt x="2233318" y="232624"/>
                    <a:pt x="2218449" y="229270"/>
                    <a:pt x="2199863" y="224424"/>
                  </a:cubicBezTo>
                  <a:cubicBezTo>
                    <a:pt x="2167895" y="216970"/>
                    <a:pt x="2135927" y="206534"/>
                    <a:pt x="2133325" y="162555"/>
                  </a:cubicBezTo>
                  <a:cubicBezTo>
                    <a:pt x="2131094" y="118202"/>
                    <a:pt x="2164549" y="92858"/>
                    <a:pt x="2208041" y="90249"/>
                  </a:cubicBezTo>
                  <a:close/>
                  <a:moveTo>
                    <a:pt x="1004892" y="31230"/>
                  </a:moveTo>
                  <a:lnTo>
                    <a:pt x="1063095" y="31230"/>
                  </a:lnTo>
                  <a:lnTo>
                    <a:pt x="1063095" y="112822"/>
                  </a:lnTo>
                  <a:cubicBezTo>
                    <a:pt x="1076440" y="98665"/>
                    <a:pt x="1095347" y="90841"/>
                    <a:pt x="1115736" y="90841"/>
                  </a:cubicBezTo>
                  <a:cubicBezTo>
                    <a:pt x="1159481" y="90841"/>
                    <a:pt x="1183207" y="115803"/>
                    <a:pt x="1183207" y="165727"/>
                  </a:cubicBezTo>
                  <a:lnTo>
                    <a:pt x="1183207" y="310283"/>
                  </a:lnTo>
                  <a:lnTo>
                    <a:pt x="1125004" y="310283"/>
                  </a:lnTo>
                  <a:lnTo>
                    <a:pt x="1125004" y="174668"/>
                  </a:lnTo>
                  <a:cubicBezTo>
                    <a:pt x="1125004" y="153432"/>
                    <a:pt x="1120556" y="136294"/>
                    <a:pt x="1098313" y="136294"/>
                  </a:cubicBezTo>
                  <a:cubicBezTo>
                    <a:pt x="1076811" y="136294"/>
                    <a:pt x="1062353" y="153432"/>
                    <a:pt x="1062353" y="173178"/>
                  </a:cubicBezTo>
                  <a:lnTo>
                    <a:pt x="1062353" y="310283"/>
                  </a:lnTo>
                  <a:lnTo>
                    <a:pt x="1004892" y="310283"/>
                  </a:lnTo>
                  <a:close/>
                  <a:moveTo>
                    <a:pt x="842391" y="31230"/>
                  </a:moveTo>
                  <a:lnTo>
                    <a:pt x="900136" y="31230"/>
                  </a:lnTo>
                  <a:lnTo>
                    <a:pt x="900136" y="97603"/>
                  </a:lnTo>
                  <a:lnTo>
                    <a:pt x="954920" y="97603"/>
                  </a:lnTo>
                  <a:lnTo>
                    <a:pt x="954920" y="143467"/>
                  </a:lnTo>
                  <a:lnTo>
                    <a:pt x="900877" y="143467"/>
                  </a:lnTo>
                  <a:lnTo>
                    <a:pt x="900877" y="238551"/>
                  </a:lnTo>
                  <a:cubicBezTo>
                    <a:pt x="900877" y="261670"/>
                    <a:pt x="905689" y="270992"/>
                    <a:pt x="921236" y="270992"/>
                  </a:cubicBezTo>
                  <a:cubicBezTo>
                    <a:pt x="928639" y="270992"/>
                    <a:pt x="936782" y="268382"/>
                    <a:pt x="946407" y="264653"/>
                  </a:cubicBezTo>
                  <a:lnTo>
                    <a:pt x="958622" y="303433"/>
                  </a:lnTo>
                  <a:cubicBezTo>
                    <a:pt x="946407" y="311636"/>
                    <a:pt x="924197" y="316856"/>
                    <a:pt x="905689" y="316856"/>
                  </a:cubicBezTo>
                  <a:cubicBezTo>
                    <a:pt x="845722" y="316856"/>
                    <a:pt x="842391" y="282551"/>
                    <a:pt x="842391" y="247128"/>
                  </a:cubicBezTo>
                  <a:lnTo>
                    <a:pt x="842391" y="143467"/>
                  </a:lnTo>
                  <a:lnTo>
                    <a:pt x="809816" y="143467"/>
                  </a:lnTo>
                  <a:lnTo>
                    <a:pt x="809816" y="97603"/>
                  </a:lnTo>
                  <a:lnTo>
                    <a:pt x="842391" y="97603"/>
                  </a:lnTo>
                  <a:close/>
                  <a:moveTo>
                    <a:pt x="698343" y="31230"/>
                  </a:moveTo>
                  <a:lnTo>
                    <a:pt x="756722" y="31230"/>
                  </a:lnTo>
                  <a:lnTo>
                    <a:pt x="756722" y="238449"/>
                  </a:lnTo>
                  <a:cubicBezTo>
                    <a:pt x="756722" y="261597"/>
                    <a:pt x="761895" y="270932"/>
                    <a:pt x="777045" y="270932"/>
                  </a:cubicBezTo>
                  <a:cubicBezTo>
                    <a:pt x="784434" y="270932"/>
                    <a:pt x="792563" y="268318"/>
                    <a:pt x="802170" y="264584"/>
                  </a:cubicBezTo>
                  <a:lnTo>
                    <a:pt x="814364" y="303415"/>
                  </a:lnTo>
                  <a:cubicBezTo>
                    <a:pt x="802170" y="311629"/>
                    <a:pt x="780000" y="316856"/>
                    <a:pt x="761895" y="316856"/>
                  </a:cubicBezTo>
                  <a:cubicBezTo>
                    <a:pt x="702038" y="316856"/>
                    <a:pt x="698343" y="282506"/>
                    <a:pt x="698343" y="247036"/>
                  </a:cubicBezTo>
                  <a:close/>
                  <a:moveTo>
                    <a:pt x="0" y="31230"/>
                  </a:moveTo>
                  <a:lnTo>
                    <a:pt x="59654" y="31230"/>
                  </a:lnTo>
                  <a:lnTo>
                    <a:pt x="59654" y="142255"/>
                  </a:lnTo>
                  <a:lnTo>
                    <a:pt x="145779" y="142255"/>
                  </a:lnTo>
                  <a:lnTo>
                    <a:pt x="145779" y="31230"/>
                  </a:lnTo>
                  <a:lnTo>
                    <a:pt x="206179" y="31230"/>
                  </a:lnTo>
                  <a:lnTo>
                    <a:pt x="206179" y="310283"/>
                  </a:lnTo>
                  <a:lnTo>
                    <a:pt x="145779" y="310283"/>
                  </a:lnTo>
                  <a:lnTo>
                    <a:pt x="145779" y="194787"/>
                  </a:lnTo>
                  <a:lnTo>
                    <a:pt x="59654" y="194787"/>
                  </a:lnTo>
                  <a:lnTo>
                    <a:pt x="59654" y="310283"/>
                  </a:lnTo>
                  <a:lnTo>
                    <a:pt x="0" y="310283"/>
                  </a:lnTo>
                  <a:close/>
                  <a:moveTo>
                    <a:pt x="1262898" y="0"/>
                  </a:moveTo>
                  <a:cubicBezTo>
                    <a:pt x="1281745" y="0"/>
                    <a:pt x="1294680" y="13890"/>
                    <a:pt x="1294680" y="30408"/>
                  </a:cubicBezTo>
                  <a:cubicBezTo>
                    <a:pt x="1294680" y="48053"/>
                    <a:pt x="1281745" y="60442"/>
                    <a:pt x="1262898" y="60442"/>
                  </a:cubicBezTo>
                  <a:cubicBezTo>
                    <a:pt x="1243681" y="60442"/>
                    <a:pt x="1231116" y="48053"/>
                    <a:pt x="1231116" y="30408"/>
                  </a:cubicBezTo>
                  <a:cubicBezTo>
                    <a:pt x="1231116" y="13890"/>
                    <a:pt x="1244051" y="0"/>
                    <a:pt x="1262898" y="0"/>
                  </a:cubicBezTo>
                  <a:close/>
                </a:path>
              </a:pathLst>
            </a:custGeom>
            <a:solidFill>
              <a:srgbClr val="EC6602"/>
            </a:solidFill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1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"/>
                <a:cs typeface=""/>
              </a:endParaRPr>
            </a:p>
          </p:txBody>
        </p: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>
          <a:xfrm>
            <a:off x="482601" y="216377"/>
            <a:ext cx="9144000" cy="492443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/>
              <a:t>Introduction/Table of contents</a:t>
            </a:r>
            <a:r>
              <a:rPr lang="en-US" noProof="0" dirty="0"/>
              <a:t>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9117154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hapter Pictur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57652755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270" imgH="270" progId="">
                  <p:embed/>
                </p:oleObj>
              </mc:Choice>
              <mc:Fallback>
                <p:oleObj name="think-cell Folie" r:id="rId4" imgW="270" imgH="270" progId="">
                  <p:embed/>
                  <p:pic>
                    <p:nvPicPr>
                      <p:cNvPr id="0" name="Picture 19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1" name="Picture 3" descr="C:\Users\z000cq2y\Desktop\NewB\12 top Applivations\Title1.jpg"/>
          <p:cNvPicPr>
            <a:picLocks noChangeAspect="1" noChangeArrowheads="1"/>
          </p:cNvPicPr>
          <p:nvPr userDrawn="1"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0" y="1588"/>
            <a:ext cx="12198349" cy="630713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2" name="Gruppieren 1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43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44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45" name="Freihandform 44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77" name="Freihandform 76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78" name="Freihandform 77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10" name="Abgerundetes Rechteck 42"/>
          <p:cNvSpPr/>
          <p:nvPr userDrawn="1"/>
        </p:nvSpPr>
        <p:spPr>
          <a:xfrm>
            <a:off x="12649206" y="162700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Image</a:t>
            </a:r>
            <a:r>
              <a:rPr lang="en-US" sz="1100" dirty="0">
                <a:solidFill>
                  <a:srgbClr val="2D1E1C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must be exchanged on the slide master</a:t>
            </a:r>
          </a:p>
        </p:txBody>
      </p:sp>
      <p:sp>
        <p:nvSpPr>
          <p:cNvPr id="5" name="Titel 4"/>
          <p:cNvSpPr>
            <a:spLocks noGrp="1"/>
          </p:cNvSpPr>
          <p:nvPr>
            <p:ph type="title" hasCustomPrompt="1"/>
          </p:nvPr>
        </p:nvSpPr>
        <p:spPr>
          <a:xfrm>
            <a:off x="482601" y="215676"/>
            <a:ext cx="9144000" cy="984885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/>
              <a:t>Chapter or Content page – single large image</a:t>
            </a:r>
            <a:br>
              <a:rPr lang="en-US" dirty="0"/>
            </a:br>
            <a:r>
              <a:rPr lang="en-US" dirty="0"/>
              <a:t>Headline, Calibri Bold, 32 </a:t>
            </a:r>
            <a:r>
              <a:rPr lang="en-US" dirty="0" err="1"/>
              <a:t>pt</a:t>
            </a:r>
            <a:r>
              <a:rPr lang="en-US" dirty="0"/>
              <a:t> 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40540882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hapter Orang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2262958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270" imgH="270" progId="">
                  <p:embed/>
                </p:oleObj>
              </mc:Choice>
              <mc:Fallback>
                <p:oleObj name="think-cell Folie" r:id="rId4" imgW="270" imgH="270" progId="">
                  <p:embed/>
                  <p:pic>
                    <p:nvPicPr>
                      <p:cNvPr id="0" name="Picture 19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/>
            <a:endParaRPr lang="en-US" dirty="0"/>
          </a:p>
        </p:txBody>
      </p:sp>
      <p:pic>
        <p:nvPicPr>
          <p:cNvPr id="15" name="Grafik 14"/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735098" y="1139934"/>
            <a:ext cx="5225574" cy="5139875"/>
          </a:xfrm>
          <a:prstGeom prst="rect">
            <a:avLst/>
          </a:prstGeom>
        </p:spPr>
      </p:pic>
      <p:sp>
        <p:nvSpPr>
          <p:cNvPr id="5" name="Titel 4"/>
          <p:cNvSpPr>
            <a:spLocks noGrp="1"/>
          </p:cNvSpPr>
          <p:nvPr userDrawn="1">
            <p:ph type="title" hasCustomPrompt="1"/>
          </p:nvPr>
        </p:nvSpPr>
        <p:spPr>
          <a:xfrm>
            <a:off x="482601" y="2562860"/>
            <a:ext cx="9144000" cy="1477328"/>
          </a:xfrm>
        </p:spPr>
        <p:txBody>
          <a:bodyPr/>
          <a:lstStyle>
            <a:lvl1pPr>
              <a:defRPr sz="48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hapter title headline,  </a:t>
            </a:r>
            <a:br>
              <a:rPr lang="en-US" dirty="0"/>
            </a:br>
            <a:r>
              <a:rPr lang="en-US" dirty="0"/>
              <a:t>Calibri Bold, 48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6" name="Gruppieren 5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170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71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72" name="Freihandform 171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73" name="Freihandform 172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74" name="Freihandform 173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488725142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hapter Whit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8271217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270" imgH="270" progId="">
                  <p:embed/>
                </p:oleObj>
              </mc:Choice>
              <mc:Fallback>
                <p:oleObj name="think-cell Folie" r:id="rId4" imgW="270" imgH="270" progId="">
                  <p:embed/>
                  <p:pic>
                    <p:nvPicPr>
                      <p:cNvPr id="0" name="Picture 19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itel 4"/>
          <p:cNvSpPr>
            <a:spLocks noGrp="1"/>
          </p:cNvSpPr>
          <p:nvPr>
            <p:ph type="title" hasCustomPrompt="1"/>
          </p:nvPr>
        </p:nvSpPr>
        <p:spPr>
          <a:xfrm>
            <a:off x="482601" y="2562860"/>
            <a:ext cx="9144000" cy="1477328"/>
          </a:xfrm>
        </p:spPr>
        <p:txBody>
          <a:bodyPr/>
          <a:lstStyle>
            <a:lvl1pPr>
              <a:defRPr sz="480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Chapter title headline,  </a:t>
            </a:r>
            <a:br>
              <a:rPr lang="en-US" dirty="0"/>
            </a:br>
            <a:r>
              <a:rPr lang="en-US" dirty="0"/>
              <a:t>Calibri Bold, 48 </a:t>
            </a:r>
            <a:r>
              <a:rPr lang="en-US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142935469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2996123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20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Rechteck 45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6" name="Textplatzhalter 5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599" y="1630363"/>
            <a:ext cx="11160125" cy="2308324"/>
          </a:xfrm>
        </p:spPr>
        <p:txBody>
          <a:bodyPr>
            <a:spAutoFit/>
          </a:bodyPr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4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wrap="square" anchor="b">
            <a:spAutoFit/>
          </a:bodyPr>
          <a:lstStyle>
            <a:lvl1pPr>
              <a:defRPr sz="1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3" name="Gruppieren 2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47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49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50" name="Freihandform 49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1" name="Freihandform 50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2" name="Freihandform 51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18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19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0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5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6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678674001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 Ber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398364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6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Rechteck 45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E1C8D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6" name="Textplatzhalter 5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599" y="1630363"/>
            <a:ext cx="11160125" cy="2308324"/>
          </a:xfrm>
        </p:spPr>
        <p:txBody>
          <a:bodyPr>
            <a:spAutoFit/>
          </a:bodyPr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4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wrap="square" anchor="b">
            <a:spAutoFit/>
          </a:bodyPr>
          <a:lstStyle>
            <a:lvl1pPr>
              <a:defRPr sz="1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3" name="Gruppieren 2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47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49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50" name="Freihandform 49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1" name="Freihandform 50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2" name="Freihandform 51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18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19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0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5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6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4145016715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 Petro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2955703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6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Rechteck 45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C8E6E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6" name="Textplatzhalter 5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599" y="1630363"/>
            <a:ext cx="11160125" cy="2308324"/>
          </a:xfrm>
        </p:spPr>
        <p:txBody>
          <a:bodyPr>
            <a:spAutoFit/>
          </a:bodyPr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4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wrap="square" anchor="b">
            <a:spAutoFit/>
          </a:bodyPr>
          <a:lstStyle>
            <a:lvl1pPr>
              <a:defRPr sz="1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3" name="Gruppieren 2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47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49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50" name="Freihandform 49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1" name="Freihandform 50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2" name="Freihandform 51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18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19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0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5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6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503169670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 Sla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2936099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6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Rechteck 45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D5D2D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6" name="Textplatzhalter 5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599" y="1630363"/>
            <a:ext cx="11160125" cy="2308324"/>
          </a:xfrm>
        </p:spPr>
        <p:txBody>
          <a:bodyPr>
            <a:spAutoFit/>
          </a:bodyPr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4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wrap="square" anchor="b">
            <a:spAutoFit/>
          </a:bodyPr>
          <a:lstStyle>
            <a:lvl1pPr>
              <a:defRPr sz="1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3" name="Gruppieren 2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47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49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50" name="Freihandform 49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1" name="Freihandform 50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2" name="Freihandform 51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18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19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0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5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6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417074008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613" y="4408488"/>
            <a:ext cx="10367962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613" y="2906713"/>
            <a:ext cx="10367962" cy="1501775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Two Text Boxes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600" y="1630363"/>
            <a:ext cx="5508625" cy="1846659"/>
          </a:xfrm>
        </p:spPr>
        <p:txBody>
          <a:bodyPr wrap="square"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6134100" y="1630363"/>
            <a:ext cx="5508625" cy="1846659"/>
          </a:xfrm>
        </p:spPr>
        <p:txBody>
          <a:bodyPr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" name="Textplatzhalter 3"/>
          <p:cNvSpPr>
            <a:spLocks noGrp="1"/>
          </p:cNvSpPr>
          <p:nvPr>
            <p:ph type="body" sz="quarter" idx="12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11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12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14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5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0" name="Picture 20"/>
              <p:cNvPicPr>
                <a:picLocks noChangeAspect="1" noChangeArrowheads="1"/>
              </p:cNvPicPr>
              <p:nvPr/>
            </p:nvPicPr>
            <p:blipFill rotWithShape="1">
              <a:blip r:embed="rId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255202948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Two Text Boxes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6673637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9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3" name="Rechteck 42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1630363"/>
            <a:ext cx="5508625" cy="1846659"/>
          </a:xfrm>
        </p:spPr>
        <p:txBody>
          <a:bodyPr wrap="square"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6134100" y="1630363"/>
            <a:ext cx="5508625" cy="1846659"/>
          </a:xfrm>
        </p:spPr>
        <p:txBody>
          <a:bodyPr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7" name="Textplatzhalter 3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5" name="Gruppieren 4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49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5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51" name="Freihandform 5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2" name="Freihandform 5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3" name="Freihandform 5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19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0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1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6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7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2224224394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Two Text Boxes Ber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5706101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6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3" name="Rechteck 42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E1C8D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1630363"/>
            <a:ext cx="5508625" cy="1846659"/>
          </a:xfrm>
        </p:spPr>
        <p:txBody>
          <a:bodyPr wrap="square"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6134100" y="1630363"/>
            <a:ext cx="5508625" cy="1846659"/>
          </a:xfrm>
        </p:spPr>
        <p:txBody>
          <a:bodyPr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7" name="Textplatzhalter 3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5" name="Gruppieren 4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49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5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51" name="Freihandform 5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2" name="Freihandform 5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3" name="Freihandform 5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19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0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1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6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7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4288138703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Two Text Boxes Petro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61341267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6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3" name="Rechteck 42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C8E6E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1630363"/>
            <a:ext cx="5508625" cy="1846659"/>
          </a:xfrm>
        </p:spPr>
        <p:txBody>
          <a:bodyPr wrap="square"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6134100" y="1630363"/>
            <a:ext cx="5508625" cy="1846659"/>
          </a:xfrm>
        </p:spPr>
        <p:txBody>
          <a:bodyPr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7" name="Textplatzhalter 3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5" name="Gruppieren 4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49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5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51" name="Freihandform 5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2" name="Freihandform 5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3" name="Freihandform 5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19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0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1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6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7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770668672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Two Text Boxes Sla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7672914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6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3" name="Rechteck 42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D5D2D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1630363"/>
            <a:ext cx="5508625" cy="1846659"/>
          </a:xfrm>
        </p:spPr>
        <p:txBody>
          <a:bodyPr wrap="square"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6134100" y="1630363"/>
            <a:ext cx="5508625" cy="1846659"/>
          </a:xfrm>
        </p:spPr>
        <p:txBody>
          <a:bodyPr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7" name="Textplatzhalter 3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5" name="Gruppieren 4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49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5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51" name="Freihandform 5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52" name="Freihandform 5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53" name="Freihandform 5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19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0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1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6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7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4072803047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Text and Pictur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601" y="1630363"/>
            <a:ext cx="5508624" cy="1846659"/>
          </a:xfrm>
        </p:spPr>
        <p:txBody>
          <a:bodyPr wrap="square"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1" hasCustomPrompt="1"/>
          </p:nvPr>
        </p:nvSpPr>
        <p:spPr>
          <a:xfrm>
            <a:off x="6134100" y="1630363"/>
            <a:ext cx="5508625" cy="467836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6" name="Textplatzhalter 3"/>
          <p:cNvSpPr>
            <a:spLocks noGrp="1"/>
          </p:cNvSpPr>
          <p:nvPr>
            <p:ph type="body" sz="quarter" idx="12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17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For changing images, please delete them and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insert a new one over click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 insert icon</a:t>
            </a:r>
            <a:endParaRPr lang="en-US" sz="1100" dirty="0">
              <a:solidFill>
                <a:schemeClr val="bg1"/>
              </a:solidFill>
              <a:latin typeface="+mn-lt"/>
            </a:endParaRPr>
          </a:p>
        </p:txBody>
      </p:sp>
      <p:grpSp>
        <p:nvGrpSpPr>
          <p:cNvPr id="12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14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15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6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2" name="Picture 20"/>
              <p:cNvPicPr>
                <a:picLocks noChangeAspect="1" noChangeArrowheads="1"/>
              </p:cNvPicPr>
              <p:nvPr/>
            </p:nvPicPr>
            <p:blipFill rotWithShape="1">
              <a:blip r:embed="rId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860232837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Text and Picture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8315514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9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3" name="Rechteck 42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1630363"/>
            <a:ext cx="5508625" cy="1846659"/>
          </a:xfrm>
        </p:spPr>
        <p:txBody>
          <a:bodyPr wrap="square"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 b="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 userDrawn="1">
            <p:ph type="pic" sz="quarter" idx="11" hasCustomPrompt="1"/>
          </p:nvPr>
        </p:nvSpPr>
        <p:spPr>
          <a:xfrm>
            <a:off x="6134100" y="1630363"/>
            <a:ext cx="5508625" cy="4529137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78" name="Textplatzhalter 3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80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81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82" name="Freihandform 81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83" name="Freihandform 82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84" name="Freihandform 83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2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For changing images, please delete them and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insert a new one over click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 insert icon</a:t>
            </a:r>
            <a:endParaRPr lang="en-US" sz="1100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0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9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0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744016926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Text and Picture Ber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6117899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6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3" name="Rechteck 42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E1C8D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1630363"/>
            <a:ext cx="5508625" cy="1846659"/>
          </a:xfrm>
        </p:spPr>
        <p:txBody>
          <a:bodyPr wrap="square"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 b="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 userDrawn="1">
            <p:ph type="pic" sz="quarter" idx="11" hasCustomPrompt="1"/>
          </p:nvPr>
        </p:nvSpPr>
        <p:spPr>
          <a:xfrm>
            <a:off x="6134100" y="1630363"/>
            <a:ext cx="5508625" cy="4529137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78" name="Textplatzhalter 3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80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81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82" name="Freihandform 81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83" name="Freihandform 82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84" name="Freihandform 83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2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For changing images, please delete them and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insert a new one over click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 insert icon</a:t>
            </a:r>
            <a:endParaRPr lang="en-US" sz="1100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0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9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0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82848235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Text and Picture Petro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8231253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6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3" name="Rechteck 42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C8E6E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1630363"/>
            <a:ext cx="5508625" cy="1846659"/>
          </a:xfrm>
        </p:spPr>
        <p:txBody>
          <a:bodyPr wrap="square"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 b="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 userDrawn="1">
            <p:ph type="pic" sz="quarter" idx="11" hasCustomPrompt="1"/>
          </p:nvPr>
        </p:nvSpPr>
        <p:spPr>
          <a:xfrm>
            <a:off x="6134100" y="1630363"/>
            <a:ext cx="5508625" cy="4529137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78" name="Textplatzhalter 3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80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81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82" name="Freihandform 81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83" name="Freihandform 82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84" name="Freihandform 83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2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For changing images, please delete them and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insert a new one over click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 insert icon</a:t>
            </a:r>
            <a:endParaRPr lang="en-US" sz="1100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0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9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0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2030784177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Text and Picture Sla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4835753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6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3" name="Rechteck 42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D5D2D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1630363"/>
            <a:ext cx="5508625" cy="1846659"/>
          </a:xfrm>
        </p:spPr>
        <p:txBody>
          <a:bodyPr wrap="square">
            <a:spAutoFit/>
          </a:bodyPr>
          <a:lstStyle>
            <a:lvl1pPr>
              <a:defRPr sz="2000" b="0">
                <a:solidFill>
                  <a:schemeClr val="tx1"/>
                </a:solidFill>
              </a:defRPr>
            </a:lvl1pPr>
            <a:lvl2pPr>
              <a:defRPr sz="2000" b="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 userDrawn="1">
            <p:ph type="pic" sz="quarter" idx="11" hasCustomPrompt="1"/>
          </p:nvPr>
        </p:nvSpPr>
        <p:spPr>
          <a:xfrm>
            <a:off x="6134100" y="1630363"/>
            <a:ext cx="5508625" cy="4529137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78" name="Textplatzhalter 3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80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81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82" name="Freihandform 81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83" name="Freihandform 82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84" name="Freihandform 83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2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For changing images, please delete them and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insert a new one over click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 insert icon</a:t>
            </a:r>
            <a:endParaRPr lang="en-US" sz="1100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0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9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0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266148257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09600" y="1600200"/>
            <a:ext cx="5413375" cy="45275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75375" y="1600200"/>
            <a:ext cx="5413375" cy="45275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3 Text Boxes and Pictur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2934413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3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1" y="1630363"/>
            <a:ext cx="3627438" cy="1846659"/>
          </a:xfrm>
        </p:spPr>
        <p:txBody>
          <a:bodyPr wrap="square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16" name="Textplatzhalter 15"/>
          <p:cNvSpPr>
            <a:spLocks noGrp="1"/>
          </p:cNvSpPr>
          <p:nvPr userDrawn="1">
            <p:ph type="body" sz="quarter" idx="17" hasCustomPrompt="1"/>
          </p:nvPr>
        </p:nvSpPr>
        <p:spPr>
          <a:xfrm>
            <a:off x="4254500" y="1630363"/>
            <a:ext cx="3622675" cy="1846659"/>
          </a:xfrm>
        </p:spPr>
        <p:txBody>
          <a:bodyPr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30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For changing images, please delete them and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insert a new one over click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 insert icon</a:t>
            </a:r>
            <a:endParaRPr lang="en-US" sz="1100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6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7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9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4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  <p:sp>
        <p:nvSpPr>
          <p:cNvPr id="6" name="Textplatzhalter 5"/>
          <p:cNvSpPr>
            <a:spLocks noGrp="1"/>
          </p:cNvSpPr>
          <p:nvPr>
            <p:ph type="body" sz="quarter" idx="22" hasCustomPrompt="1"/>
          </p:nvPr>
        </p:nvSpPr>
        <p:spPr>
          <a:xfrm>
            <a:off x="8020050" y="1624013"/>
            <a:ext cx="3629025" cy="1846659"/>
          </a:xfrm>
        </p:spPr>
        <p:txBody>
          <a:bodyPr/>
          <a:lstStyle>
            <a:lvl1pPr mar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  <a:defRPr sz="2000"/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23" hasCustomPrompt="1"/>
          </p:nvPr>
        </p:nvSpPr>
        <p:spPr>
          <a:xfrm>
            <a:off x="482600" y="4040188"/>
            <a:ext cx="3627438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0" name="Bildplatzhalter 9"/>
          <p:cNvSpPr>
            <a:spLocks noGrp="1"/>
          </p:cNvSpPr>
          <p:nvPr>
            <p:ph type="pic" sz="quarter" idx="24" hasCustomPrompt="1"/>
          </p:nvPr>
        </p:nvSpPr>
        <p:spPr>
          <a:xfrm>
            <a:off x="4254500" y="4040188"/>
            <a:ext cx="3622675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2" name="Bildplatzhalter 11"/>
          <p:cNvSpPr>
            <a:spLocks noGrp="1"/>
          </p:cNvSpPr>
          <p:nvPr>
            <p:ph type="pic" sz="quarter" idx="25" hasCustomPrompt="1"/>
          </p:nvPr>
        </p:nvSpPr>
        <p:spPr>
          <a:xfrm>
            <a:off x="8020050" y="4040188"/>
            <a:ext cx="3629025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5" name="Textplatzhalter 14"/>
          <p:cNvSpPr>
            <a:spLocks noGrp="1"/>
          </p:cNvSpPr>
          <p:nvPr>
            <p:ph type="body" sz="quarter" idx="26" hasCustomPrompt="1"/>
          </p:nvPr>
        </p:nvSpPr>
        <p:spPr>
          <a:xfrm>
            <a:off x="482599" y="6597650"/>
            <a:ext cx="5508625" cy="153888"/>
          </a:xfrm>
        </p:spPr>
        <p:txBody>
          <a:bodyPr anchor="b">
            <a:spAutoFit/>
          </a:bodyPr>
          <a:lstStyle>
            <a:lvl1pPr>
              <a:defRPr sz="1000"/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9310534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3 Text Boxes and Picture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71357970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9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7" name="Rechteck 46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1" y="1630363"/>
            <a:ext cx="3627438" cy="1846659"/>
          </a:xfrm>
        </p:spPr>
        <p:txBody>
          <a:bodyPr wrap="square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16" name="Textplatzhalter 15"/>
          <p:cNvSpPr>
            <a:spLocks noGrp="1"/>
          </p:cNvSpPr>
          <p:nvPr userDrawn="1">
            <p:ph type="body" sz="quarter" idx="17" hasCustomPrompt="1"/>
          </p:nvPr>
        </p:nvSpPr>
        <p:spPr>
          <a:xfrm>
            <a:off x="4254500" y="1630363"/>
            <a:ext cx="3622675" cy="1846659"/>
          </a:xfrm>
        </p:spPr>
        <p:txBody>
          <a:bodyPr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84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85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86" name="Freihandform 85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87" name="Freihandform 86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88" name="Freihandform 87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30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For changing images, please delete them and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insert a new one over click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 insert icon</a:t>
            </a:r>
            <a:endParaRPr lang="en-US" sz="1100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6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7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9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4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  <p:sp>
        <p:nvSpPr>
          <p:cNvPr id="6" name="Textplatzhalter 5"/>
          <p:cNvSpPr>
            <a:spLocks noGrp="1"/>
          </p:cNvSpPr>
          <p:nvPr>
            <p:ph type="body" sz="quarter" idx="22" hasCustomPrompt="1"/>
          </p:nvPr>
        </p:nvSpPr>
        <p:spPr>
          <a:xfrm>
            <a:off x="8020050" y="1624013"/>
            <a:ext cx="3629025" cy="1846659"/>
          </a:xfrm>
        </p:spPr>
        <p:txBody>
          <a:bodyPr/>
          <a:lstStyle>
            <a:lvl1pPr mar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  <a:defRPr sz="2000"/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23" hasCustomPrompt="1"/>
          </p:nvPr>
        </p:nvSpPr>
        <p:spPr>
          <a:xfrm>
            <a:off x="482600" y="4040188"/>
            <a:ext cx="3627438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0" name="Bildplatzhalter 9"/>
          <p:cNvSpPr>
            <a:spLocks noGrp="1"/>
          </p:cNvSpPr>
          <p:nvPr>
            <p:ph type="pic" sz="quarter" idx="24" hasCustomPrompt="1"/>
          </p:nvPr>
        </p:nvSpPr>
        <p:spPr>
          <a:xfrm>
            <a:off x="4254500" y="4040188"/>
            <a:ext cx="3622675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2" name="Bildplatzhalter 11"/>
          <p:cNvSpPr>
            <a:spLocks noGrp="1"/>
          </p:cNvSpPr>
          <p:nvPr>
            <p:ph type="pic" sz="quarter" idx="25" hasCustomPrompt="1"/>
          </p:nvPr>
        </p:nvSpPr>
        <p:spPr>
          <a:xfrm>
            <a:off x="8020050" y="4040188"/>
            <a:ext cx="3629025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5" name="Textplatzhalter 14"/>
          <p:cNvSpPr>
            <a:spLocks noGrp="1"/>
          </p:cNvSpPr>
          <p:nvPr>
            <p:ph type="body" sz="quarter" idx="26" hasCustomPrompt="1"/>
          </p:nvPr>
        </p:nvSpPr>
        <p:spPr>
          <a:xfrm>
            <a:off x="482599" y="6597650"/>
            <a:ext cx="5508625" cy="153888"/>
          </a:xfrm>
        </p:spPr>
        <p:txBody>
          <a:bodyPr anchor="b">
            <a:spAutoFit/>
          </a:bodyPr>
          <a:lstStyle>
            <a:lvl1pPr>
              <a:defRPr sz="1000"/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275711267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3 Text Boxes and Picture Ber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0444121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3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7" name="Rechteck 46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E1C8D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1" y="1630363"/>
            <a:ext cx="3627438" cy="1846659"/>
          </a:xfrm>
        </p:spPr>
        <p:txBody>
          <a:bodyPr wrap="square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16" name="Textplatzhalter 15"/>
          <p:cNvSpPr>
            <a:spLocks noGrp="1"/>
          </p:cNvSpPr>
          <p:nvPr userDrawn="1">
            <p:ph type="body" sz="quarter" idx="17" hasCustomPrompt="1"/>
          </p:nvPr>
        </p:nvSpPr>
        <p:spPr>
          <a:xfrm>
            <a:off x="4254500" y="1630363"/>
            <a:ext cx="3622675" cy="1846659"/>
          </a:xfrm>
        </p:spPr>
        <p:txBody>
          <a:bodyPr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84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85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86" name="Freihandform 85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87" name="Freihandform 86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88" name="Freihandform 87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30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For changing images, please delete them and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insert a new one over click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 insert icon</a:t>
            </a:r>
            <a:endParaRPr lang="en-US" sz="1100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6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7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9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4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  <p:sp>
        <p:nvSpPr>
          <p:cNvPr id="6" name="Textplatzhalter 5"/>
          <p:cNvSpPr>
            <a:spLocks noGrp="1"/>
          </p:cNvSpPr>
          <p:nvPr>
            <p:ph type="body" sz="quarter" idx="22" hasCustomPrompt="1"/>
          </p:nvPr>
        </p:nvSpPr>
        <p:spPr>
          <a:xfrm>
            <a:off x="8020050" y="1624013"/>
            <a:ext cx="3629025" cy="1846659"/>
          </a:xfrm>
        </p:spPr>
        <p:txBody>
          <a:bodyPr/>
          <a:lstStyle>
            <a:lvl1pPr mar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  <a:defRPr sz="2000"/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23" hasCustomPrompt="1"/>
          </p:nvPr>
        </p:nvSpPr>
        <p:spPr>
          <a:xfrm>
            <a:off x="482600" y="4040188"/>
            <a:ext cx="3627438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0" name="Bildplatzhalter 9"/>
          <p:cNvSpPr>
            <a:spLocks noGrp="1"/>
          </p:cNvSpPr>
          <p:nvPr>
            <p:ph type="pic" sz="quarter" idx="24" hasCustomPrompt="1"/>
          </p:nvPr>
        </p:nvSpPr>
        <p:spPr>
          <a:xfrm>
            <a:off x="4254500" y="4040188"/>
            <a:ext cx="3622675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2" name="Bildplatzhalter 11"/>
          <p:cNvSpPr>
            <a:spLocks noGrp="1"/>
          </p:cNvSpPr>
          <p:nvPr>
            <p:ph type="pic" sz="quarter" idx="25" hasCustomPrompt="1"/>
          </p:nvPr>
        </p:nvSpPr>
        <p:spPr>
          <a:xfrm>
            <a:off x="8020050" y="4040188"/>
            <a:ext cx="3629025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5" name="Textplatzhalter 14"/>
          <p:cNvSpPr>
            <a:spLocks noGrp="1"/>
          </p:cNvSpPr>
          <p:nvPr>
            <p:ph type="body" sz="quarter" idx="26" hasCustomPrompt="1"/>
          </p:nvPr>
        </p:nvSpPr>
        <p:spPr>
          <a:xfrm>
            <a:off x="482599" y="6597650"/>
            <a:ext cx="5508625" cy="153888"/>
          </a:xfrm>
        </p:spPr>
        <p:txBody>
          <a:bodyPr anchor="b">
            <a:spAutoFit/>
          </a:bodyPr>
          <a:lstStyle>
            <a:lvl1pPr>
              <a:defRPr sz="1000"/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327738013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3 Text Boxes and Picture Petro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6601057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3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7" name="Rechteck 46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C8E6E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1" y="1630363"/>
            <a:ext cx="3627438" cy="1846659"/>
          </a:xfrm>
        </p:spPr>
        <p:txBody>
          <a:bodyPr wrap="square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16" name="Textplatzhalter 15"/>
          <p:cNvSpPr>
            <a:spLocks noGrp="1"/>
          </p:cNvSpPr>
          <p:nvPr userDrawn="1">
            <p:ph type="body" sz="quarter" idx="17" hasCustomPrompt="1"/>
          </p:nvPr>
        </p:nvSpPr>
        <p:spPr>
          <a:xfrm>
            <a:off x="4254500" y="1630363"/>
            <a:ext cx="3622675" cy="1846659"/>
          </a:xfrm>
        </p:spPr>
        <p:txBody>
          <a:bodyPr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84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85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86" name="Freihandform 85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87" name="Freihandform 86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88" name="Freihandform 87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30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For changing images, please delete them and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insert a new one over click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 insert icon</a:t>
            </a:r>
            <a:endParaRPr lang="en-US" sz="1100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6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7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9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4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  <p:sp>
        <p:nvSpPr>
          <p:cNvPr id="6" name="Textplatzhalter 5"/>
          <p:cNvSpPr>
            <a:spLocks noGrp="1"/>
          </p:cNvSpPr>
          <p:nvPr>
            <p:ph type="body" sz="quarter" idx="22" hasCustomPrompt="1"/>
          </p:nvPr>
        </p:nvSpPr>
        <p:spPr>
          <a:xfrm>
            <a:off x="8020050" y="1624013"/>
            <a:ext cx="3629025" cy="1846659"/>
          </a:xfrm>
        </p:spPr>
        <p:txBody>
          <a:bodyPr/>
          <a:lstStyle>
            <a:lvl1pPr mar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  <a:defRPr sz="2000"/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23" hasCustomPrompt="1"/>
          </p:nvPr>
        </p:nvSpPr>
        <p:spPr>
          <a:xfrm>
            <a:off x="482600" y="4040188"/>
            <a:ext cx="3627438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0" name="Bildplatzhalter 9"/>
          <p:cNvSpPr>
            <a:spLocks noGrp="1"/>
          </p:cNvSpPr>
          <p:nvPr>
            <p:ph type="pic" sz="quarter" idx="24" hasCustomPrompt="1"/>
          </p:nvPr>
        </p:nvSpPr>
        <p:spPr>
          <a:xfrm>
            <a:off x="4254500" y="4040188"/>
            <a:ext cx="3622675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2" name="Bildplatzhalter 11"/>
          <p:cNvSpPr>
            <a:spLocks noGrp="1"/>
          </p:cNvSpPr>
          <p:nvPr>
            <p:ph type="pic" sz="quarter" idx="25" hasCustomPrompt="1"/>
          </p:nvPr>
        </p:nvSpPr>
        <p:spPr>
          <a:xfrm>
            <a:off x="8020050" y="4040188"/>
            <a:ext cx="3629025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5" name="Textplatzhalter 14"/>
          <p:cNvSpPr>
            <a:spLocks noGrp="1"/>
          </p:cNvSpPr>
          <p:nvPr>
            <p:ph type="body" sz="quarter" idx="26" hasCustomPrompt="1"/>
          </p:nvPr>
        </p:nvSpPr>
        <p:spPr>
          <a:xfrm>
            <a:off x="482599" y="6597650"/>
            <a:ext cx="5508625" cy="153888"/>
          </a:xfrm>
        </p:spPr>
        <p:txBody>
          <a:bodyPr anchor="b">
            <a:spAutoFit/>
          </a:bodyPr>
          <a:lstStyle>
            <a:lvl1pPr>
              <a:defRPr sz="1000"/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66173279"/>
      </p:ext>
    </p:ext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, 3 Text Boxes and Picture Sla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0626726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3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7" name="Rechteck 46"/>
          <p:cNvSpPr/>
          <p:nvPr userDrawn="1"/>
        </p:nvSpPr>
        <p:spPr>
          <a:xfrm>
            <a:off x="0" y="0"/>
            <a:ext cx="12198350" cy="6308725"/>
          </a:xfrm>
          <a:prstGeom prst="rect">
            <a:avLst/>
          </a:prstGeom>
          <a:solidFill>
            <a:srgbClr val="D5D2D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1" y="1630363"/>
            <a:ext cx="3627438" cy="1846659"/>
          </a:xfrm>
        </p:spPr>
        <p:txBody>
          <a:bodyPr wrap="square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16" name="Textplatzhalter 15"/>
          <p:cNvSpPr>
            <a:spLocks noGrp="1"/>
          </p:cNvSpPr>
          <p:nvPr userDrawn="1">
            <p:ph type="body" sz="quarter" idx="17" hasCustomPrompt="1"/>
          </p:nvPr>
        </p:nvSpPr>
        <p:spPr>
          <a:xfrm>
            <a:off x="4254500" y="1630363"/>
            <a:ext cx="3622675" cy="1846659"/>
          </a:xfrm>
        </p:spPr>
        <p:txBody>
          <a:bodyPr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84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85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86" name="Freihandform 85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87" name="Freihandform 86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88" name="Freihandform 87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30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For changing images, please delete them and </a:t>
            </a:r>
            <a:r>
              <a:rPr lang="en-US" sz="1100" b="1" dirty="0">
                <a:solidFill>
                  <a:schemeClr val="bg1"/>
                </a:solidFill>
                <a:latin typeface="+mn-lt"/>
              </a:rPr>
              <a:t>insert a new one over click</a:t>
            </a:r>
            <a:r>
              <a:rPr lang="en-US" sz="1100" b="1" baseline="0" dirty="0">
                <a:solidFill>
                  <a:schemeClr val="bg1"/>
                </a:solidFill>
                <a:latin typeface="+mn-lt"/>
              </a:rPr>
              <a:t> insert icon</a:t>
            </a:r>
            <a:endParaRPr lang="en-US" sz="1100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6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7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9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4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  <p:sp>
        <p:nvSpPr>
          <p:cNvPr id="6" name="Textplatzhalter 5"/>
          <p:cNvSpPr>
            <a:spLocks noGrp="1"/>
          </p:cNvSpPr>
          <p:nvPr>
            <p:ph type="body" sz="quarter" idx="22" hasCustomPrompt="1"/>
          </p:nvPr>
        </p:nvSpPr>
        <p:spPr>
          <a:xfrm>
            <a:off x="8020050" y="1624013"/>
            <a:ext cx="3629025" cy="1846659"/>
          </a:xfrm>
        </p:spPr>
        <p:txBody>
          <a:bodyPr/>
          <a:lstStyle>
            <a:lvl1pPr mar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  <a:defRPr sz="2000"/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23" hasCustomPrompt="1"/>
          </p:nvPr>
        </p:nvSpPr>
        <p:spPr>
          <a:xfrm>
            <a:off x="482600" y="4040188"/>
            <a:ext cx="3627438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0" name="Bildplatzhalter 9"/>
          <p:cNvSpPr>
            <a:spLocks noGrp="1"/>
          </p:cNvSpPr>
          <p:nvPr>
            <p:ph type="pic" sz="quarter" idx="24" hasCustomPrompt="1"/>
          </p:nvPr>
        </p:nvSpPr>
        <p:spPr>
          <a:xfrm>
            <a:off x="4254500" y="4040188"/>
            <a:ext cx="3622675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2" name="Bildplatzhalter 11"/>
          <p:cNvSpPr>
            <a:spLocks noGrp="1"/>
          </p:cNvSpPr>
          <p:nvPr>
            <p:ph type="pic" sz="quarter" idx="25" hasCustomPrompt="1"/>
          </p:nvPr>
        </p:nvSpPr>
        <p:spPr>
          <a:xfrm>
            <a:off x="8020050" y="4040188"/>
            <a:ext cx="3629025" cy="2119312"/>
          </a:xfrm>
        </p:spPr>
        <p:txBody>
          <a:bodyPr/>
          <a:lstStyle>
            <a:lvl1pPr>
              <a:defRPr sz="2000"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15" name="Textplatzhalter 14"/>
          <p:cNvSpPr>
            <a:spLocks noGrp="1"/>
          </p:cNvSpPr>
          <p:nvPr>
            <p:ph type="body" sz="quarter" idx="26" hasCustomPrompt="1"/>
          </p:nvPr>
        </p:nvSpPr>
        <p:spPr>
          <a:xfrm>
            <a:off x="482599" y="6597650"/>
            <a:ext cx="5508625" cy="153888"/>
          </a:xfrm>
        </p:spPr>
        <p:txBody>
          <a:bodyPr anchor="b">
            <a:spAutoFit/>
          </a:bodyPr>
          <a:lstStyle>
            <a:lvl1pPr>
              <a:defRPr sz="1000"/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26371064"/>
      </p:ext>
    </p:ext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ly Headlin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7" name="Objekt 3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6493095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270" imgH="270" progId="">
                  <p:embed/>
                </p:oleObj>
              </mc:Choice>
              <mc:Fallback>
                <p:oleObj name="think-cell Folie" r:id="rId4" imgW="270" imgH="270" progId="">
                  <p:embed/>
                  <p:pic>
                    <p:nvPicPr>
                      <p:cNvPr id="0" name="Picture 19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306272102"/>
      </p:ext>
    </p:ext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7454389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9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hteck 2"/>
          <p:cNvSpPr/>
          <p:nvPr userDrawn="1"/>
        </p:nvSpPr>
        <p:spPr>
          <a:xfrm>
            <a:off x="482600" y="1152942"/>
            <a:ext cx="3627438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0" name="Rechteck 9"/>
          <p:cNvSpPr/>
          <p:nvPr userDrawn="1"/>
        </p:nvSpPr>
        <p:spPr>
          <a:xfrm>
            <a:off x="4254499" y="1152942"/>
            <a:ext cx="3622675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1" name="Rechteck 10"/>
          <p:cNvSpPr/>
          <p:nvPr userDrawn="1"/>
        </p:nvSpPr>
        <p:spPr>
          <a:xfrm>
            <a:off x="8020051" y="1152942"/>
            <a:ext cx="3624262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600" y="1630363"/>
            <a:ext cx="3627438" cy="1883011"/>
          </a:xfrm>
        </p:spPr>
        <p:txBody>
          <a:bodyPr wrap="square" lIns="108000" tIns="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16" name="Textplatzhalter 15"/>
          <p:cNvSpPr>
            <a:spLocks noGrp="1"/>
          </p:cNvSpPr>
          <p:nvPr>
            <p:ph type="body" sz="quarter" idx="17" hasCustomPrompt="1"/>
          </p:nvPr>
        </p:nvSpPr>
        <p:spPr>
          <a:xfrm>
            <a:off x="4254499" y="1630363"/>
            <a:ext cx="3622675" cy="1883011"/>
          </a:xfrm>
        </p:spPr>
        <p:txBody>
          <a:bodyPr wrap="square" lIns="108000" tIns="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grpSp>
        <p:nvGrpSpPr>
          <p:cNvPr id="5" name="Gruppieren 4"/>
          <p:cNvGrpSpPr/>
          <p:nvPr userDrawn="1"/>
        </p:nvGrpSpPr>
        <p:grpSpPr bwMode="gray">
          <a:xfrm>
            <a:off x="1" y="796"/>
            <a:ext cx="12198350" cy="1624807"/>
            <a:chOff x="1" y="796"/>
            <a:chExt cx="12198350" cy="1624807"/>
          </a:xfrm>
        </p:grpSpPr>
        <p:sp>
          <p:nvSpPr>
            <p:cNvPr id="112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144" name="Freeform 11"/>
            <p:cNvSpPr>
              <a:spLocks/>
            </p:cNvSpPr>
            <p:nvPr userDrawn="1"/>
          </p:nvSpPr>
          <p:spPr bwMode="gray">
            <a:xfrm>
              <a:off x="1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53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54" name="Freihandform 153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55" name="Freihandform 154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56" name="Freihandform 155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3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4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5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6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0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  <p:sp>
        <p:nvSpPr>
          <p:cNvPr id="27" name="Textplatzhalter 15"/>
          <p:cNvSpPr>
            <a:spLocks noGrp="1"/>
          </p:cNvSpPr>
          <p:nvPr>
            <p:ph type="body" sz="quarter" idx="18" hasCustomPrompt="1"/>
          </p:nvPr>
        </p:nvSpPr>
        <p:spPr>
          <a:xfrm>
            <a:off x="8021174" y="1630363"/>
            <a:ext cx="3622675" cy="1883011"/>
          </a:xfrm>
        </p:spPr>
        <p:txBody>
          <a:bodyPr wrap="square" lIns="108000" tIns="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7" name="Textplatzhalter 6"/>
          <p:cNvSpPr>
            <a:spLocks noGrp="1"/>
          </p:cNvSpPr>
          <p:nvPr>
            <p:ph type="body" sz="quarter" idx="19" hasCustomPrompt="1"/>
          </p:nvPr>
        </p:nvSpPr>
        <p:spPr>
          <a:xfrm>
            <a:off x="482600" y="6597650"/>
            <a:ext cx="5508625" cy="153888"/>
          </a:xfrm>
        </p:spPr>
        <p:txBody>
          <a:bodyPr anchor="b">
            <a:noAutofit/>
          </a:bodyPr>
          <a:lstStyle>
            <a:lvl1pPr>
              <a:defRPr sz="1000"/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315164975"/>
      </p:ext>
    </p:ext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23167881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9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hteck 2"/>
          <p:cNvSpPr>
            <a:spLocks/>
          </p:cNvSpPr>
          <p:nvPr userDrawn="1"/>
        </p:nvSpPr>
        <p:spPr>
          <a:xfrm>
            <a:off x="482600" y="1152942"/>
            <a:ext cx="2683222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0" name="Rechteck 9"/>
          <p:cNvSpPr>
            <a:spLocks/>
          </p:cNvSpPr>
          <p:nvPr userDrawn="1"/>
        </p:nvSpPr>
        <p:spPr>
          <a:xfrm>
            <a:off x="3309822" y="1152942"/>
            <a:ext cx="2683222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1" name="Rechteck 10"/>
          <p:cNvSpPr>
            <a:spLocks/>
          </p:cNvSpPr>
          <p:nvPr userDrawn="1"/>
        </p:nvSpPr>
        <p:spPr>
          <a:xfrm>
            <a:off x="8964265" y="1152942"/>
            <a:ext cx="2680048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52" name="Rechteck 51"/>
          <p:cNvSpPr>
            <a:spLocks/>
          </p:cNvSpPr>
          <p:nvPr userDrawn="1"/>
        </p:nvSpPr>
        <p:spPr>
          <a:xfrm>
            <a:off x="6137044" y="1152942"/>
            <a:ext cx="2683222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1630363"/>
            <a:ext cx="2683222" cy="1846659"/>
          </a:xfrm>
        </p:spPr>
        <p:txBody>
          <a:bodyPr wrap="square" lIns="10800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3" name="Textplatzhalter 12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3309822" y="1630363"/>
            <a:ext cx="2683222" cy="1846659"/>
          </a:xfrm>
        </p:spPr>
        <p:txBody>
          <a:bodyPr wrap="square" lIns="10800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4" name="Textplatzhalter 12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6137044" y="1630363"/>
            <a:ext cx="2683222" cy="1846659"/>
          </a:xfrm>
        </p:spPr>
        <p:txBody>
          <a:bodyPr wrap="square" lIns="10800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5" name="Textplatzhalter 12"/>
          <p:cNvSpPr>
            <a:spLocks noGrp="1"/>
          </p:cNvSpPr>
          <p:nvPr userDrawn="1">
            <p:ph type="body" sz="quarter" idx="13" hasCustomPrompt="1"/>
          </p:nvPr>
        </p:nvSpPr>
        <p:spPr>
          <a:xfrm>
            <a:off x="8964265" y="1630363"/>
            <a:ext cx="2680048" cy="1846659"/>
          </a:xfrm>
        </p:spPr>
        <p:txBody>
          <a:bodyPr wrap="square" lIns="10800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78" name="Textplatzhalter 3"/>
          <p:cNvSpPr>
            <a:spLocks noGrp="1"/>
          </p:cNvSpPr>
          <p:nvPr userDrawn="1">
            <p:ph type="body" sz="quarter" idx="14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5" name="Gruppieren 4"/>
          <p:cNvGrpSpPr/>
          <p:nvPr userDrawn="1"/>
        </p:nvGrpSpPr>
        <p:grpSpPr bwMode="gray">
          <a:xfrm>
            <a:off x="0" y="796"/>
            <a:ext cx="12198350" cy="1624807"/>
            <a:chOff x="0" y="796"/>
            <a:chExt cx="12198350" cy="1624807"/>
          </a:xfrm>
        </p:grpSpPr>
        <p:sp>
          <p:nvSpPr>
            <p:cNvPr id="82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84" name="Freeform 11"/>
            <p:cNvSpPr>
              <a:spLocks/>
            </p:cNvSpPr>
            <p:nvPr userDrawn="1"/>
          </p:nvSpPr>
          <p:spPr bwMode="gray">
            <a:xfrm>
              <a:off x="0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81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82" name="Freihandform 181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83" name="Freihandform 182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84" name="Freihandform 183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5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6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7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32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3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366444679"/>
      </p:ext>
    </p:ext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iv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632425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9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hteck 2"/>
          <p:cNvSpPr>
            <a:spLocks/>
          </p:cNvSpPr>
          <p:nvPr userDrawn="1"/>
        </p:nvSpPr>
        <p:spPr>
          <a:xfrm>
            <a:off x="482600" y="1152942"/>
            <a:ext cx="2117778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0" name="Rechteck 9"/>
          <p:cNvSpPr>
            <a:spLocks/>
          </p:cNvSpPr>
          <p:nvPr userDrawn="1"/>
        </p:nvSpPr>
        <p:spPr>
          <a:xfrm>
            <a:off x="2744377" y="1152942"/>
            <a:ext cx="2117778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1" name="Rechteck 10"/>
          <p:cNvSpPr>
            <a:spLocks/>
          </p:cNvSpPr>
          <p:nvPr userDrawn="1"/>
        </p:nvSpPr>
        <p:spPr>
          <a:xfrm>
            <a:off x="9529710" y="1152942"/>
            <a:ext cx="2114603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52" name="Rechteck 51"/>
          <p:cNvSpPr>
            <a:spLocks/>
          </p:cNvSpPr>
          <p:nvPr userDrawn="1"/>
        </p:nvSpPr>
        <p:spPr>
          <a:xfrm>
            <a:off x="5006155" y="1152942"/>
            <a:ext cx="2117778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56" name="Rechteck 55"/>
          <p:cNvSpPr>
            <a:spLocks/>
          </p:cNvSpPr>
          <p:nvPr userDrawn="1"/>
        </p:nvSpPr>
        <p:spPr>
          <a:xfrm>
            <a:off x="7267932" y="1151075"/>
            <a:ext cx="2117778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1630363"/>
            <a:ext cx="2117778" cy="2103140"/>
          </a:xfrm>
        </p:spPr>
        <p:txBody>
          <a:bodyPr wrap="square" lIns="10800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</a:t>
            </a:r>
            <a:br>
              <a:rPr lang="en-US" noProof="0" dirty="0"/>
            </a:br>
            <a:r>
              <a:rPr lang="en-US" noProof="0" dirty="0"/>
              <a:t>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</p:txBody>
      </p:sp>
      <p:sp>
        <p:nvSpPr>
          <p:cNvPr id="57" name="Textplatzhalter 12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2744376" y="1630363"/>
            <a:ext cx="2117778" cy="2103140"/>
          </a:xfrm>
        </p:spPr>
        <p:txBody>
          <a:bodyPr wrap="square" lIns="10800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</a:t>
            </a:r>
            <a:br>
              <a:rPr lang="en-US" noProof="0" dirty="0"/>
            </a:br>
            <a:r>
              <a:rPr lang="en-US" noProof="0" dirty="0"/>
              <a:t>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</p:txBody>
      </p:sp>
      <p:sp>
        <p:nvSpPr>
          <p:cNvPr id="58" name="Textplatzhalter 12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5006155" y="1630363"/>
            <a:ext cx="2117778" cy="2103140"/>
          </a:xfrm>
        </p:spPr>
        <p:txBody>
          <a:bodyPr wrap="square" lIns="10800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</a:t>
            </a:r>
            <a:br>
              <a:rPr lang="en-US" noProof="0" dirty="0"/>
            </a:br>
            <a:r>
              <a:rPr lang="en-US" noProof="0" dirty="0"/>
              <a:t>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</p:txBody>
      </p:sp>
      <p:sp>
        <p:nvSpPr>
          <p:cNvPr id="59" name="Textplatzhalter 12"/>
          <p:cNvSpPr>
            <a:spLocks noGrp="1"/>
          </p:cNvSpPr>
          <p:nvPr userDrawn="1">
            <p:ph type="body" sz="quarter" idx="13" hasCustomPrompt="1"/>
          </p:nvPr>
        </p:nvSpPr>
        <p:spPr>
          <a:xfrm>
            <a:off x="7267932" y="1630363"/>
            <a:ext cx="2117778" cy="2103140"/>
          </a:xfrm>
        </p:spPr>
        <p:txBody>
          <a:bodyPr wrap="square" lIns="10800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</a:t>
            </a:r>
            <a:br>
              <a:rPr lang="en-US" noProof="0" dirty="0"/>
            </a:br>
            <a:r>
              <a:rPr lang="en-US" noProof="0" dirty="0"/>
              <a:t>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</p:txBody>
      </p:sp>
      <p:sp>
        <p:nvSpPr>
          <p:cNvPr id="60" name="Textplatzhalter 12"/>
          <p:cNvSpPr>
            <a:spLocks noGrp="1"/>
          </p:cNvSpPr>
          <p:nvPr userDrawn="1">
            <p:ph type="body" sz="quarter" idx="14" hasCustomPrompt="1"/>
          </p:nvPr>
        </p:nvSpPr>
        <p:spPr>
          <a:xfrm>
            <a:off x="9529710" y="1630363"/>
            <a:ext cx="2114603" cy="2103140"/>
          </a:xfrm>
        </p:spPr>
        <p:txBody>
          <a:bodyPr wrap="square" lIns="108000" rIns="108000">
            <a:sp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</a:t>
            </a:r>
            <a:br>
              <a:rPr lang="en-US" noProof="0" dirty="0"/>
            </a:br>
            <a:r>
              <a:rPr lang="en-US" noProof="0" dirty="0"/>
              <a:t>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</p:txBody>
      </p:sp>
      <p:sp>
        <p:nvSpPr>
          <p:cNvPr id="125" name="Textplatzhalter 3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5" name="Gruppieren 4"/>
          <p:cNvGrpSpPr/>
          <p:nvPr userDrawn="1"/>
        </p:nvGrpSpPr>
        <p:grpSpPr bwMode="gray">
          <a:xfrm>
            <a:off x="0" y="5556"/>
            <a:ext cx="12198350" cy="1623969"/>
            <a:chOff x="0" y="5556"/>
            <a:chExt cx="12198350" cy="1623969"/>
          </a:xfrm>
        </p:grpSpPr>
        <p:sp>
          <p:nvSpPr>
            <p:cNvPr id="128" name="Freeform 11"/>
            <p:cNvSpPr>
              <a:spLocks/>
            </p:cNvSpPr>
            <p:nvPr userDrawn="1"/>
          </p:nvSpPr>
          <p:spPr bwMode="gray">
            <a:xfrm>
              <a:off x="701" y="555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61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62" name="Freihandform 161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63" name="Freihandform 162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64" name="Freihandform 163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  <p:sp>
          <p:nvSpPr>
            <p:cNvPr id="130" name="Freeform 11"/>
            <p:cNvSpPr>
              <a:spLocks/>
            </p:cNvSpPr>
            <p:nvPr userDrawn="1"/>
          </p:nvSpPr>
          <p:spPr bwMode="gray">
            <a:xfrm>
              <a:off x="0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7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8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9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34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5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77110370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Columns with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6166647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9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" name="Grafik 5"/>
          <p:cNvPicPr>
            <a:picLocks noChangeAspect="1"/>
          </p:cNvPicPr>
          <p:nvPr userDrawn="1"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020050" y="1019174"/>
            <a:ext cx="3624262" cy="2878137"/>
          </a:xfrm>
          <a:prstGeom prst="rect">
            <a:avLst/>
          </a:prstGeom>
        </p:spPr>
      </p:pic>
      <p:pic>
        <p:nvPicPr>
          <p:cNvPr id="7" name="Grafik 6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1297"/>
          <a:stretch/>
        </p:blipFill>
        <p:spPr>
          <a:xfrm>
            <a:off x="4254498" y="1019174"/>
            <a:ext cx="3622677" cy="2878138"/>
          </a:xfrm>
          <a:prstGeom prst="rect">
            <a:avLst/>
          </a:prstGeom>
        </p:spPr>
      </p:pic>
      <p:pic>
        <p:nvPicPr>
          <p:cNvPr id="8" name="Grafik 7"/>
          <p:cNvPicPr>
            <a:picLocks noChangeAspect="1"/>
          </p:cNvPicPr>
          <p:nvPr userDrawn="1"/>
        </p:nvPicPr>
        <p:blipFill rotWithShape="1"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82599" y="1266825"/>
            <a:ext cx="3627439" cy="2630488"/>
          </a:xfrm>
          <a:prstGeom prst="rect">
            <a:avLst/>
          </a:prstGeom>
        </p:spPr>
      </p:pic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3897313"/>
            <a:ext cx="3627438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16" name="Textplatzhalter 15"/>
          <p:cNvSpPr>
            <a:spLocks noGrp="1"/>
          </p:cNvSpPr>
          <p:nvPr userDrawn="1">
            <p:ph type="body" sz="quarter" idx="17" hasCustomPrompt="1"/>
          </p:nvPr>
        </p:nvSpPr>
        <p:spPr>
          <a:xfrm>
            <a:off x="4254499" y="3897313"/>
            <a:ext cx="3622676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27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Images</a:t>
            </a:r>
            <a:r>
              <a:rPr lang="en-US" sz="1100" dirty="0">
                <a:solidFill>
                  <a:srgbClr val="2D1E1C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must be exchanged 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on the slide master</a:t>
            </a:r>
          </a:p>
        </p:txBody>
      </p:sp>
      <p:grpSp>
        <p:nvGrpSpPr>
          <p:cNvPr id="5" name="Gruppieren 4"/>
          <p:cNvGrpSpPr/>
          <p:nvPr userDrawn="1"/>
        </p:nvGrpSpPr>
        <p:grpSpPr bwMode="gray">
          <a:xfrm>
            <a:off x="1" y="796"/>
            <a:ext cx="12198350" cy="1624807"/>
            <a:chOff x="1" y="796"/>
            <a:chExt cx="12198350" cy="1624807"/>
          </a:xfrm>
        </p:grpSpPr>
        <p:sp>
          <p:nvSpPr>
            <p:cNvPr id="126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128" name="Freeform 11"/>
            <p:cNvSpPr>
              <a:spLocks/>
            </p:cNvSpPr>
            <p:nvPr userDrawn="1"/>
          </p:nvSpPr>
          <p:spPr bwMode="gray">
            <a:xfrm>
              <a:off x="1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59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60" name="Freihandform 159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61" name="Freihandform 160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62" name="Freihandform 161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4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5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32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33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4" name="Picture 20"/>
              <p:cNvPicPr>
                <a:picLocks noChangeAspect="1" noChangeArrowheads="1"/>
              </p:cNvPicPr>
              <p:nvPr/>
            </p:nvPicPr>
            <p:blipFill rotWithShape="1">
              <a:blip r:embed="rId10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  <p:sp>
        <p:nvSpPr>
          <p:cNvPr id="26" name="Textplatzhalter 15"/>
          <p:cNvSpPr>
            <a:spLocks noGrp="1"/>
          </p:cNvSpPr>
          <p:nvPr>
            <p:ph type="body" sz="quarter" idx="18" hasCustomPrompt="1"/>
          </p:nvPr>
        </p:nvSpPr>
        <p:spPr>
          <a:xfrm>
            <a:off x="8021636" y="3897313"/>
            <a:ext cx="3622676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9" name="Textplatzhalter 8"/>
          <p:cNvSpPr>
            <a:spLocks noGrp="1"/>
          </p:cNvSpPr>
          <p:nvPr>
            <p:ph type="body" sz="quarter" idx="19" hasCustomPrompt="1"/>
          </p:nvPr>
        </p:nvSpPr>
        <p:spPr>
          <a:xfrm>
            <a:off x="482600" y="6597650"/>
            <a:ext cx="5508626" cy="153888"/>
          </a:xfrm>
        </p:spPr>
        <p:txBody>
          <a:bodyPr anchor="b">
            <a:spAutoFit/>
          </a:bodyPr>
          <a:lstStyle>
            <a:lvl1pPr>
              <a:defRPr sz="1000"/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92531292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535113"/>
            <a:ext cx="5389563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9563" cy="395287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6013" y="1535113"/>
            <a:ext cx="5392737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6013" y="2174875"/>
            <a:ext cx="5392737" cy="395287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Columns with Pictur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557899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9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Grafik 7"/>
          <p:cNvPicPr>
            <a:picLocks noChangeAspect="1"/>
          </p:cNvPicPr>
          <p:nvPr userDrawn="1"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82601" y="1020763"/>
            <a:ext cx="2683221" cy="2876550"/>
          </a:xfrm>
          <a:prstGeom prst="rect">
            <a:avLst/>
          </a:prstGeom>
        </p:spPr>
      </p:pic>
      <p:pic>
        <p:nvPicPr>
          <p:cNvPr id="5" name="Grafik 4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309822" y="1020763"/>
            <a:ext cx="2681403" cy="2876550"/>
          </a:xfrm>
          <a:prstGeom prst="rect">
            <a:avLst/>
          </a:prstGeom>
        </p:spPr>
      </p:pic>
      <p:pic>
        <p:nvPicPr>
          <p:cNvPr id="6" name="Grafik 5"/>
          <p:cNvPicPr>
            <a:picLocks noChangeAspect="1"/>
          </p:cNvPicPr>
          <p:nvPr userDrawn="1"/>
        </p:nvPicPr>
        <p:blipFill rotWithShape="1"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134101" y="1020764"/>
            <a:ext cx="2686166" cy="2876549"/>
          </a:xfrm>
          <a:prstGeom prst="rect">
            <a:avLst/>
          </a:prstGeom>
        </p:spPr>
      </p:pic>
      <p:pic>
        <p:nvPicPr>
          <p:cNvPr id="7" name="Grafik 6"/>
          <p:cNvPicPr>
            <a:picLocks noChangeAspect="1"/>
          </p:cNvPicPr>
          <p:nvPr userDrawn="1"/>
        </p:nvPicPr>
        <p:blipFill rotWithShape="1"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964264" y="1020763"/>
            <a:ext cx="2680049" cy="2876550"/>
          </a:xfrm>
          <a:prstGeom prst="rect">
            <a:avLst/>
          </a:prstGeom>
        </p:spPr>
      </p:pic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3897313"/>
            <a:ext cx="2683222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3" name="Textplatzhalter 12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3309822" y="3897313"/>
            <a:ext cx="2681403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4" name="Textplatzhalter 12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6134100" y="3897313"/>
            <a:ext cx="2686166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5" name="Textplatzhalter 12"/>
          <p:cNvSpPr>
            <a:spLocks noGrp="1"/>
          </p:cNvSpPr>
          <p:nvPr userDrawn="1">
            <p:ph type="body" sz="quarter" idx="13" hasCustomPrompt="1"/>
          </p:nvPr>
        </p:nvSpPr>
        <p:spPr>
          <a:xfrm>
            <a:off x="8964265" y="3897313"/>
            <a:ext cx="2680048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127" name="Textplatzhalter 3"/>
          <p:cNvSpPr>
            <a:spLocks noGrp="1"/>
          </p:cNvSpPr>
          <p:nvPr userDrawn="1">
            <p:ph type="body" sz="quarter" idx="14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29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Images</a:t>
            </a:r>
            <a:r>
              <a:rPr lang="en-US" sz="1100" dirty="0">
                <a:solidFill>
                  <a:srgbClr val="2D1E1C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must be exchanged 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on the slide master</a:t>
            </a:r>
          </a:p>
        </p:txBody>
      </p:sp>
      <p:grpSp>
        <p:nvGrpSpPr>
          <p:cNvPr id="9" name="Gruppieren 8"/>
          <p:cNvGrpSpPr/>
          <p:nvPr userDrawn="1"/>
        </p:nvGrpSpPr>
        <p:grpSpPr bwMode="gray">
          <a:xfrm>
            <a:off x="0" y="796"/>
            <a:ext cx="12198350" cy="1624807"/>
            <a:chOff x="0" y="796"/>
            <a:chExt cx="12198350" cy="1624807"/>
          </a:xfrm>
        </p:grpSpPr>
        <p:sp>
          <p:nvSpPr>
            <p:cNvPr id="131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133" name="Freeform 11"/>
            <p:cNvSpPr>
              <a:spLocks/>
            </p:cNvSpPr>
            <p:nvPr userDrawn="1"/>
          </p:nvSpPr>
          <p:spPr bwMode="gray">
            <a:xfrm>
              <a:off x="0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64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65" name="Freihandform 164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66" name="Freihandform 165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67" name="Freihandform 166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6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7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30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1" name="Picture 20"/>
              <p:cNvPicPr>
                <a:picLocks noChangeAspect="1" noChangeArrowheads="1"/>
              </p:cNvPicPr>
              <p:nvPr/>
            </p:nvPicPr>
            <p:blipFill rotWithShape="1">
              <a:blip r:embed="rId11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157666702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ive Columns wiith Pictur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8615093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9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Grafik 11"/>
          <p:cNvPicPr>
            <a:picLocks noChangeAspect="1"/>
          </p:cNvPicPr>
          <p:nvPr userDrawn="1"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006156" y="1020764"/>
            <a:ext cx="2117778" cy="2876549"/>
          </a:xfrm>
          <a:prstGeom prst="rect">
            <a:avLst/>
          </a:prstGeom>
        </p:spPr>
      </p:pic>
      <p:pic>
        <p:nvPicPr>
          <p:cNvPr id="6" name="Grafik 5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2744377" y="1020763"/>
            <a:ext cx="2117725" cy="2876550"/>
          </a:xfrm>
          <a:prstGeom prst="rect">
            <a:avLst/>
          </a:prstGeom>
        </p:spPr>
      </p:pic>
      <p:pic>
        <p:nvPicPr>
          <p:cNvPr id="7" name="Grafik 6"/>
          <p:cNvPicPr>
            <a:picLocks noChangeAspect="1"/>
          </p:cNvPicPr>
          <p:nvPr userDrawn="1"/>
        </p:nvPicPr>
        <p:blipFill rotWithShape="1"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82600" y="1020763"/>
            <a:ext cx="2117725" cy="2876550"/>
          </a:xfrm>
          <a:prstGeom prst="rect">
            <a:avLst/>
          </a:prstGeom>
        </p:spPr>
      </p:pic>
      <p:pic>
        <p:nvPicPr>
          <p:cNvPr id="31" name="Grafik 30"/>
          <p:cNvPicPr>
            <a:picLocks noChangeAspect="1"/>
          </p:cNvPicPr>
          <p:nvPr userDrawn="1"/>
        </p:nvPicPr>
        <p:blipFill rotWithShape="1"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267931" y="1020764"/>
            <a:ext cx="2117725" cy="2876549"/>
          </a:xfrm>
          <a:prstGeom prst="rect">
            <a:avLst/>
          </a:prstGeom>
        </p:spPr>
      </p:pic>
      <p:pic>
        <p:nvPicPr>
          <p:cNvPr id="32" name="Grafik 31"/>
          <p:cNvPicPr>
            <a:picLocks noChangeAspect="1"/>
          </p:cNvPicPr>
          <p:nvPr userDrawn="1"/>
        </p:nvPicPr>
        <p:blipFill rotWithShape="1"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9529710" y="1020763"/>
            <a:ext cx="2114603" cy="2876550"/>
          </a:xfrm>
          <a:prstGeom prst="rect">
            <a:avLst/>
          </a:prstGeom>
        </p:spPr>
      </p:pic>
      <p:sp>
        <p:nvSpPr>
          <p:cNvPr id="13" name="Textplatzhalter 12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482600" y="3897313"/>
            <a:ext cx="2117778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</p:txBody>
      </p:sp>
      <p:sp>
        <p:nvSpPr>
          <p:cNvPr id="57" name="Textplatzhalter 12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2744377" y="3897313"/>
            <a:ext cx="2117778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</p:txBody>
      </p:sp>
      <p:sp>
        <p:nvSpPr>
          <p:cNvPr id="58" name="Textplatzhalter 12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5006155" y="3897313"/>
            <a:ext cx="2117778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</p:txBody>
      </p:sp>
      <p:sp>
        <p:nvSpPr>
          <p:cNvPr id="59" name="Textplatzhalter 12"/>
          <p:cNvSpPr>
            <a:spLocks noGrp="1"/>
          </p:cNvSpPr>
          <p:nvPr userDrawn="1">
            <p:ph type="body" sz="quarter" idx="13" hasCustomPrompt="1"/>
          </p:nvPr>
        </p:nvSpPr>
        <p:spPr>
          <a:xfrm>
            <a:off x="7267932" y="3897313"/>
            <a:ext cx="2117778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</p:txBody>
      </p:sp>
      <p:sp>
        <p:nvSpPr>
          <p:cNvPr id="60" name="Textplatzhalter 12"/>
          <p:cNvSpPr>
            <a:spLocks noGrp="1"/>
          </p:cNvSpPr>
          <p:nvPr userDrawn="1">
            <p:ph type="body" sz="quarter" idx="14" hasCustomPrompt="1"/>
          </p:nvPr>
        </p:nvSpPr>
        <p:spPr>
          <a:xfrm>
            <a:off x="9529711" y="3897313"/>
            <a:ext cx="2114602" cy="2411412"/>
          </a:xfrm>
          <a:solidFill>
            <a:srgbClr val="FDDDCB"/>
          </a:solidFill>
        </p:spPr>
        <p:txBody>
          <a:bodyPr wrap="square" lIns="108000" tIns="72000" rIns="108000" bIns="72000">
            <a:noAutofit/>
          </a:bodyPr>
          <a:lstStyle>
            <a:lvl1pPr>
              <a:defRPr lang="en-US" sz="20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 sz="2000"/>
            </a:lvl2pPr>
            <a:lvl3pP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marL="0" lvl="0" indent="0" algn="l" defTabSz="1088959" rtl="0" eaLnBrk="1" latinLnBrk="0" hangingPunct="1">
              <a:spcBef>
                <a:spcPct val="20000"/>
              </a:spcBef>
              <a:buClr>
                <a:schemeClr val="bg2"/>
              </a:buClr>
              <a:buFont typeface="Arial" panose="020B0604020202020204" pitchFamily="34" charset="0"/>
              <a:buNone/>
            </a:pPr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</p:txBody>
      </p:sp>
      <p:sp>
        <p:nvSpPr>
          <p:cNvPr id="133" name="Textplatzhalter 3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34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Images</a:t>
            </a:r>
            <a:r>
              <a:rPr lang="en-US" sz="1100" dirty="0">
                <a:solidFill>
                  <a:srgbClr val="2D1E1C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must be exchanged 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on the slide master</a:t>
            </a:r>
          </a:p>
        </p:txBody>
      </p:sp>
      <p:grpSp>
        <p:nvGrpSpPr>
          <p:cNvPr id="5" name="Gruppieren 4"/>
          <p:cNvGrpSpPr/>
          <p:nvPr userDrawn="1"/>
        </p:nvGrpSpPr>
        <p:grpSpPr bwMode="gray">
          <a:xfrm>
            <a:off x="0" y="796"/>
            <a:ext cx="12198350" cy="1624807"/>
            <a:chOff x="0" y="796"/>
            <a:chExt cx="12198350" cy="1624807"/>
          </a:xfrm>
        </p:grpSpPr>
        <p:sp>
          <p:nvSpPr>
            <p:cNvPr id="137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139" name="Freeform 11"/>
            <p:cNvSpPr>
              <a:spLocks/>
            </p:cNvSpPr>
            <p:nvPr userDrawn="1"/>
          </p:nvSpPr>
          <p:spPr bwMode="gray">
            <a:xfrm>
              <a:off x="0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7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71" name="Freihandform 17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72" name="Freihandform 17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73" name="Freihandform 17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8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9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30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33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40" name="Picture 20"/>
              <p:cNvPicPr>
                <a:picLocks noChangeAspect="1" noChangeArrowheads="1"/>
              </p:cNvPicPr>
              <p:nvPr/>
            </p:nvPicPr>
            <p:blipFill rotWithShape="1">
              <a:blip r:embed="rId12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2152465278"/>
      </p:ext>
    </p:extLst>
  </p:cSld>
  <p:clrMapOvr>
    <a:masterClrMapping/>
  </p:clrMapOvr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Quotation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9562032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270" imgH="270" progId="">
                  <p:embed/>
                </p:oleObj>
              </mc:Choice>
              <mc:Fallback>
                <p:oleObj name="think-cell Folie" r:id="rId4" imgW="270" imgH="270" progId="">
                  <p:embed/>
                  <p:pic>
                    <p:nvPicPr>
                      <p:cNvPr id="0" name="Picture 18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hteck 2"/>
          <p:cNvSpPr/>
          <p:nvPr userDrawn="1"/>
        </p:nvSpPr>
        <p:spPr>
          <a:xfrm>
            <a:off x="482600" y="1152942"/>
            <a:ext cx="3627438" cy="5155784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7" name="Bildplatzhalter 6"/>
          <p:cNvSpPr>
            <a:spLocks noGrp="1"/>
          </p:cNvSpPr>
          <p:nvPr userDrawn="1">
            <p:ph type="pic" sz="quarter" idx="19" hasCustomPrompt="1"/>
          </p:nvPr>
        </p:nvSpPr>
        <p:spPr>
          <a:xfrm>
            <a:off x="482600" y="1881189"/>
            <a:ext cx="3627438" cy="2016124"/>
          </a:xfrm>
        </p:spPr>
        <p:txBody>
          <a:bodyPr/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9" name="Textplatzhalter 8"/>
          <p:cNvSpPr>
            <a:spLocks noGrp="1"/>
          </p:cNvSpPr>
          <p:nvPr userDrawn="1">
            <p:ph type="body" sz="quarter" idx="21" hasCustomPrompt="1"/>
          </p:nvPr>
        </p:nvSpPr>
        <p:spPr>
          <a:xfrm>
            <a:off x="5145547" y="1881189"/>
            <a:ext cx="5746215" cy="2828925"/>
          </a:xfrm>
        </p:spPr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Click to add quotation</a:t>
            </a:r>
          </a:p>
        </p:txBody>
      </p:sp>
      <p:sp>
        <p:nvSpPr>
          <p:cNvPr id="113" name="Textfeld 112"/>
          <p:cNvSpPr txBox="1"/>
          <p:nvPr userDrawn="1"/>
        </p:nvSpPr>
        <p:spPr>
          <a:xfrm>
            <a:off x="4054622" y="1436400"/>
            <a:ext cx="859154" cy="877210"/>
          </a:xfrm>
          <a:prstGeom prst="rect">
            <a:avLst/>
          </a:prstGeom>
          <a:noFill/>
          <a:ln>
            <a:noFill/>
          </a:ln>
        </p:spPr>
        <p:txBody>
          <a:bodyPr wrap="square" lIns="108000" tIns="108000" rIns="108000" bIns="108000" rtlCol="0">
            <a:noAutofit/>
          </a:bodyPr>
          <a:lstStyle/>
          <a:p>
            <a:pPr>
              <a:lnSpc>
                <a:spcPct val="90000"/>
              </a:lnSpc>
              <a:spcBef>
                <a:spcPts val="0"/>
              </a:spcBef>
              <a:spcAft>
                <a:spcPts val="600"/>
              </a:spcAft>
            </a:pPr>
            <a:r>
              <a:rPr lang="en-US" sz="14000" b="0" noProof="0" dirty="0">
                <a:solidFill>
                  <a:schemeClr val="accent1"/>
                </a:solidFill>
                <a:latin typeface="Calibri" panose="020F0502020204030204" pitchFamily="34" charset="0"/>
              </a:rPr>
              <a:t>“</a:t>
            </a:r>
          </a:p>
        </p:txBody>
      </p:sp>
      <p:sp>
        <p:nvSpPr>
          <p:cNvPr id="114" name="Textfeld 113"/>
          <p:cNvSpPr txBox="1"/>
          <p:nvPr userDrawn="1"/>
        </p:nvSpPr>
        <p:spPr>
          <a:xfrm>
            <a:off x="10891763" y="5260910"/>
            <a:ext cx="822194" cy="853824"/>
          </a:xfrm>
          <a:prstGeom prst="rect">
            <a:avLst/>
          </a:prstGeom>
          <a:noFill/>
          <a:ln>
            <a:noFill/>
          </a:ln>
        </p:spPr>
        <p:txBody>
          <a:bodyPr wrap="square" lIns="108000" tIns="108000" rIns="108000" bIns="108000" rtlCol="0">
            <a:noAutofit/>
          </a:bodyPr>
          <a:lstStyle/>
          <a:p>
            <a:pPr>
              <a:lnSpc>
                <a:spcPct val="90000"/>
              </a:lnSpc>
              <a:spcBef>
                <a:spcPts val="0"/>
              </a:spcBef>
              <a:spcAft>
                <a:spcPts val="600"/>
              </a:spcAft>
            </a:pPr>
            <a:r>
              <a:rPr lang="en-US" sz="14000" b="0" noProof="0" dirty="0">
                <a:solidFill>
                  <a:schemeClr val="accent1"/>
                </a:solidFill>
                <a:latin typeface="Calibri" panose="020F0502020204030204" pitchFamily="34" charset="0"/>
              </a:rPr>
              <a:t>”</a:t>
            </a:r>
          </a:p>
        </p:txBody>
      </p:sp>
      <p:sp>
        <p:nvSpPr>
          <p:cNvPr id="51" name="Textplatzhalter 50"/>
          <p:cNvSpPr>
            <a:spLocks noGrp="1"/>
          </p:cNvSpPr>
          <p:nvPr userDrawn="1">
            <p:ph type="body" sz="quarter" idx="24" hasCustomPrompt="1"/>
          </p:nvPr>
        </p:nvSpPr>
        <p:spPr>
          <a:xfrm>
            <a:off x="658019" y="4040188"/>
            <a:ext cx="3276600" cy="892552"/>
          </a:xfrm>
        </p:spPr>
        <p:txBody>
          <a:bodyPr>
            <a:spAutoFit/>
          </a:bodyPr>
          <a:lstStyle>
            <a:lvl1pPr>
              <a:defRPr sz="1600">
                <a:solidFill>
                  <a:schemeClr val="tx2"/>
                </a:solidFill>
              </a:defRPr>
            </a:lvl1pPr>
            <a:lvl2pPr marL="0" indent="0">
              <a:buNone/>
              <a:defRPr sz="1600">
                <a:solidFill>
                  <a:schemeClr val="tx2"/>
                </a:solidFill>
              </a:defRPr>
            </a:lvl2pPr>
          </a:lstStyle>
          <a:p>
            <a:pPr lvl="0"/>
            <a:r>
              <a:rPr lang="en-US" dirty="0"/>
              <a:t>Name</a:t>
            </a:r>
          </a:p>
          <a:p>
            <a:pPr lvl="1"/>
            <a:r>
              <a:rPr lang="en-US" dirty="0"/>
              <a:t>Company</a:t>
            </a:r>
            <a:br>
              <a:rPr lang="en-US" dirty="0"/>
            </a:br>
            <a:r>
              <a:rPr lang="en-US" dirty="0"/>
              <a:t>City, Country</a:t>
            </a:r>
          </a:p>
        </p:txBody>
      </p:sp>
      <p:sp>
        <p:nvSpPr>
          <p:cNvPr id="115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5" name="Gruppieren 4"/>
          <p:cNvGrpSpPr/>
          <p:nvPr userDrawn="1"/>
        </p:nvGrpSpPr>
        <p:grpSpPr bwMode="gray">
          <a:xfrm>
            <a:off x="1" y="796"/>
            <a:ext cx="12198350" cy="1624807"/>
            <a:chOff x="1" y="796"/>
            <a:chExt cx="12198350" cy="1624807"/>
          </a:xfrm>
        </p:grpSpPr>
        <p:sp>
          <p:nvSpPr>
            <p:cNvPr id="112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117" name="Freeform 11"/>
            <p:cNvSpPr>
              <a:spLocks/>
            </p:cNvSpPr>
            <p:nvPr userDrawn="1"/>
          </p:nvSpPr>
          <p:spPr bwMode="gray">
            <a:xfrm>
              <a:off x="1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48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49" name="Freihandform 148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50" name="Freihandform 149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51" name="Freihandform 150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219864115"/>
      </p:ext>
    </p:extLst>
  </p:cSld>
  <p:clrMapOvr>
    <a:masterClrMapping/>
  </p:clrMapOvr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Quotation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0752701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270" imgH="270" progId="">
                  <p:embed/>
                </p:oleObj>
              </mc:Choice>
              <mc:Fallback>
                <p:oleObj name="think-cell Folie" r:id="rId4" imgW="270" imgH="270" progId="">
                  <p:embed/>
                  <p:pic>
                    <p:nvPicPr>
                      <p:cNvPr id="0" name="Picture 18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Ellipse 5"/>
          <p:cNvSpPr/>
          <p:nvPr userDrawn="1"/>
        </p:nvSpPr>
        <p:spPr>
          <a:xfrm>
            <a:off x="8633220" y="939800"/>
            <a:ext cx="3563580" cy="5368926"/>
          </a:xfrm>
          <a:custGeom>
            <a:avLst/>
            <a:gdLst/>
            <a:ahLst/>
            <a:cxnLst/>
            <a:rect l="l" t="t" r="r" b="b"/>
            <a:pathLst>
              <a:path w="3563580" h="5368926">
                <a:moveTo>
                  <a:pt x="785598" y="0"/>
                </a:moveTo>
                <a:lnTo>
                  <a:pt x="3563580" y="0"/>
                </a:lnTo>
                <a:lnTo>
                  <a:pt x="3563580" y="5368926"/>
                </a:lnTo>
                <a:lnTo>
                  <a:pt x="615818" y="5368926"/>
                </a:lnTo>
                <a:cubicBezTo>
                  <a:pt x="231634" y="4691704"/>
                  <a:pt x="0" y="3798970"/>
                  <a:pt x="0" y="2820989"/>
                </a:cubicBezTo>
                <a:cubicBezTo>
                  <a:pt x="0" y="1705406"/>
                  <a:pt x="301401" y="700744"/>
                  <a:pt x="785598" y="0"/>
                </a:cubicBezTo>
                <a:close/>
              </a:path>
            </a:pathLst>
          </a:cu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 eaLnBrk="1"/>
            <a:endParaRPr lang="en-US" dirty="0"/>
          </a:p>
        </p:txBody>
      </p:sp>
      <p:sp>
        <p:nvSpPr>
          <p:cNvPr id="7" name="Bildplatzhalter 6"/>
          <p:cNvSpPr>
            <a:spLocks noGrp="1"/>
          </p:cNvSpPr>
          <p:nvPr userDrawn="1">
            <p:ph type="pic" sz="quarter" idx="19" hasCustomPrompt="1"/>
          </p:nvPr>
        </p:nvSpPr>
        <p:spPr>
          <a:xfrm>
            <a:off x="9191625" y="3050714"/>
            <a:ext cx="2455863" cy="2600923"/>
          </a:xfrm>
        </p:spPr>
        <p:txBody>
          <a:bodyPr/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9" name="Textplatzhalter 8"/>
          <p:cNvSpPr>
            <a:spLocks noGrp="1"/>
          </p:cNvSpPr>
          <p:nvPr userDrawn="1">
            <p:ph type="body" sz="quarter" idx="21" hasCustomPrompt="1"/>
          </p:nvPr>
        </p:nvSpPr>
        <p:spPr>
          <a:xfrm>
            <a:off x="1268873" y="1881189"/>
            <a:ext cx="5701270" cy="2828925"/>
          </a:xfrm>
        </p:spPr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Click to add quotation</a:t>
            </a:r>
          </a:p>
        </p:txBody>
      </p:sp>
      <p:sp>
        <p:nvSpPr>
          <p:cNvPr id="112" name="Textfeld 111"/>
          <p:cNvSpPr txBox="1"/>
          <p:nvPr userDrawn="1"/>
        </p:nvSpPr>
        <p:spPr>
          <a:xfrm>
            <a:off x="254784" y="1436400"/>
            <a:ext cx="859154" cy="877210"/>
          </a:xfrm>
          <a:prstGeom prst="rect">
            <a:avLst/>
          </a:prstGeom>
          <a:noFill/>
          <a:ln>
            <a:noFill/>
          </a:ln>
        </p:spPr>
        <p:txBody>
          <a:bodyPr wrap="square" lIns="108000" tIns="108000" rIns="108000" bIns="108000" rtlCol="0">
            <a:noAutofit/>
          </a:bodyPr>
          <a:lstStyle/>
          <a:p>
            <a:pPr>
              <a:lnSpc>
                <a:spcPct val="90000"/>
              </a:lnSpc>
              <a:spcBef>
                <a:spcPts val="0"/>
              </a:spcBef>
              <a:spcAft>
                <a:spcPts val="600"/>
              </a:spcAft>
            </a:pPr>
            <a:r>
              <a:rPr lang="en-US" sz="14000" b="0" noProof="0" dirty="0">
                <a:solidFill>
                  <a:schemeClr val="accent1"/>
                </a:solidFill>
                <a:latin typeface="Calibri" panose="020F0502020204030204" pitchFamily="34" charset="0"/>
              </a:rPr>
              <a:t>“</a:t>
            </a:r>
          </a:p>
        </p:txBody>
      </p:sp>
      <p:sp>
        <p:nvSpPr>
          <p:cNvPr id="113" name="Textfeld 112"/>
          <p:cNvSpPr txBox="1"/>
          <p:nvPr userDrawn="1"/>
        </p:nvSpPr>
        <p:spPr>
          <a:xfrm>
            <a:off x="7054981" y="5260910"/>
            <a:ext cx="822194" cy="853824"/>
          </a:xfrm>
          <a:prstGeom prst="rect">
            <a:avLst/>
          </a:prstGeom>
          <a:noFill/>
          <a:ln>
            <a:noFill/>
          </a:ln>
        </p:spPr>
        <p:txBody>
          <a:bodyPr wrap="square" lIns="108000" tIns="108000" rIns="108000" bIns="108000" rtlCol="0">
            <a:noAutofit/>
          </a:bodyPr>
          <a:lstStyle/>
          <a:p>
            <a:pPr>
              <a:lnSpc>
                <a:spcPct val="90000"/>
              </a:lnSpc>
              <a:spcBef>
                <a:spcPts val="0"/>
              </a:spcBef>
              <a:spcAft>
                <a:spcPts val="600"/>
              </a:spcAft>
            </a:pPr>
            <a:r>
              <a:rPr lang="en-US" sz="14000" b="0" noProof="0" dirty="0">
                <a:solidFill>
                  <a:schemeClr val="accent1"/>
                </a:solidFill>
                <a:latin typeface="Calibri" panose="020F0502020204030204" pitchFamily="34" charset="0"/>
              </a:rPr>
              <a:t>”</a:t>
            </a:r>
          </a:p>
        </p:txBody>
      </p:sp>
      <p:sp>
        <p:nvSpPr>
          <p:cNvPr id="114" name="Textplatzhalter 50"/>
          <p:cNvSpPr>
            <a:spLocks noGrp="1"/>
          </p:cNvSpPr>
          <p:nvPr userDrawn="1">
            <p:ph type="body" sz="quarter" idx="24" hasCustomPrompt="1"/>
          </p:nvPr>
        </p:nvSpPr>
        <p:spPr>
          <a:xfrm>
            <a:off x="9191625" y="2014162"/>
            <a:ext cx="2455863" cy="892552"/>
          </a:xfrm>
        </p:spPr>
        <p:txBody>
          <a:bodyPr wrap="square" anchor="b">
            <a:spAutoFit/>
          </a:bodyPr>
          <a:lstStyle>
            <a:lvl1pPr>
              <a:defRPr sz="1600">
                <a:solidFill>
                  <a:schemeClr val="tx2"/>
                </a:solidFill>
              </a:defRPr>
            </a:lvl1pPr>
            <a:lvl2pPr marL="0" indent="0">
              <a:buNone/>
              <a:defRPr sz="1600">
                <a:solidFill>
                  <a:schemeClr val="tx2"/>
                </a:solidFill>
              </a:defRPr>
            </a:lvl2pPr>
          </a:lstStyle>
          <a:p>
            <a:pPr lvl="0"/>
            <a:r>
              <a:rPr lang="en-US" dirty="0"/>
              <a:t>Name</a:t>
            </a:r>
          </a:p>
          <a:p>
            <a:pPr lvl="1"/>
            <a:r>
              <a:rPr lang="en-US" dirty="0"/>
              <a:t>Company</a:t>
            </a:r>
            <a:br>
              <a:rPr lang="en-US" dirty="0"/>
            </a:br>
            <a:r>
              <a:rPr lang="en-US" dirty="0"/>
              <a:t>City, Country</a:t>
            </a:r>
          </a:p>
        </p:txBody>
      </p:sp>
      <p:sp>
        <p:nvSpPr>
          <p:cNvPr id="115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3" name="Gruppieren 2"/>
          <p:cNvGrpSpPr/>
          <p:nvPr userDrawn="1"/>
        </p:nvGrpSpPr>
        <p:grpSpPr bwMode="gray">
          <a:xfrm>
            <a:off x="0" y="796"/>
            <a:ext cx="12198350" cy="1624807"/>
            <a:chOff x="0" y="796"/>
            <a:chExt cx="12198350" cy="1624807"/>
          </a:xfrm>
        </p:grpSpPr>
        <p:sp>
          <p:nvSpPr>
            <p:cNvPr id="116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118" name="Freeform 11"/>
            <p:cNvSpPr>
              <a:spLocks/>
            </p:cNvSpPr>
            <p:nvPr userDrawn="1"/>
          </p:nvSpPr>
          <p:spPr bwMode="gray">
            <a:xfrm>
              <a:off x="0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49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50" name="Freihandform 149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51" name="Freihandform 150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52" name="Freihandform 151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861795391"/>
      </p:ext>
    </p:extLst>
  </p:cSld>
  <p:clrMapOvr>
    <a:masterClrMapping/>
  </p:clrMapOvr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icture fullscreen and Headlin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1853007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270" imgH="270" progId="">
                  <p:embed/>
                </p:oleObj>
              </mc:Choice>
              <mc:Fallback>
                <p:oleObj name="think-cell Folie" r:id="rId4" imgW="270" imgH="270" progId="">
                  <p:embed/>
                  <p:pic>
                    <p:nvPicPr>
                      <p:cNvPr id="0" name="Picture 16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Grafik 4"/>
          <p:cNvPicPr>
            <a:picLocks noChangeAspect="1"/>
          </p:cNvPicPr>
          <p:nvPr userDrawn="1"/>
        </p:nvPicPr>
        <p:blipFill>
          <a:blip r:embed="rId6"/>
          <a:srcRect l="49685"/>
          <a:stretch>
            <a:fillRect/>
          </a:stretch>
        </p:blipFill>
        <p:spPr>
          <a:xfrm>
            <a:off x="4943475" y="341312"/>
            <a:ext cx="6357938" cy="5967413"/>
          </a:xfrm>
          <a:prstGeom prst="rect">
            <a:avLst/>
          </a:prstGeom>
        </p:spPr>
      </p:pic>
      <p:grpSp>
        <p:nvGrpSpPr>
          <p:cNvPr id="2" name="Gruppieren 1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76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09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10" name="Freihandform 109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11" name="Freihandform 110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12" name="Freihandform 111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11" name="Abgerundetes Rechteck 42"/>
          <p:cNvSpPr/>
          <p:nvPr userDrawn="1"/>
        </p:nvSpPr>
        <p:spPr>
          <a:xfrm>
            <a:off x="12649206" y="162700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Image</a:t>
            </a:r>
            <a:r>
              <a:rPr lang="en-US" sz="1100" dirty="0">
                <a:solidFill>
                  <a:srgbClr val="2D1E1C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must be exchanged on the slide master</a:t>
            </a:r>
          </a:p>
        </p:txBody>
      </p:sp>
      <p:sp>
        <p:nvSpPr>
          <p:cNvPr id="73" name="Titel 72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521476005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icture fullsc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9120524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270" imgH="270" progId="">
                  <p:embed/>
                </p:oleObj>
              </mc:Choice>
              <mc:Fallback>
                <p:oleObj name="think-cell Folie" r:id="rId4" imgW="270" imgH="270" progId="">
                  <p:embed/>
                  <p:pic>
                    <p:nvPicPr>
                      <p:cNvPr id="0" name="Picture 16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2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-809" y="3175"/>
            <a:ext cx="12195206" cy="630554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482601" y="936400"/>
            <a:ext cx="9144000" cy="1107996"/>
          </a:xfrm>
        </p:spPr>
        <p:txBody>
          <a:bodyPr anchor="b">
            <a:spAutoFit/>
          </a:bodyPr>
          <a:lstStyle>
            <a:lvl1pPr>
              <a:spcBef>
                <a:spcPts val="0"/>
              </a:spcBef>
              <a:defRPr sz="3600" baseline="0">
                <a:solidFill>
                  <a:schemeClr val="accent2"/>
                </a:solidFill>
              </a:defRPr>
            </a:lvl1pPr>
          </a:lstStyle>
          <a:p>
            <a:r>
              <a:rPr lang="en-US" dirty="0"/>
              <a:t>        Single large image</a:t>
            </a:r>
            <a:br>
              <a:rPr lang="en-US" dirty="0"/>
            </a:br>
            <a:r>
              <a:rPr lang="en-US" dirty="0"/>
              <a:t>Intro title Calibri bold, 36 </a:t>
            </a:r>
            <a:r>
              <a:rPr lang="en-US" dirty="0" err="1"/>
              <a:t>pt</a:t>
            </a:r>
            <a:r>
              <a:rPr lang="en-US" dirty="0"/>
              <a:t>,</a:t>
            </a:r>
          </a:p>
        </p:txBody>
      </p:sp>
      <p:sp>
        <p:nvSpPr>
          <p:cNvPr id="6" name="Textplatzhalter 5"/>
          <p:cNvSpPr>
            <a:spLocks noGrp="1"/>
          </p:cNvSpPr>
          <p:nvPr>
            <p:ph type="body" sz="quarter" idx="10" hasCustomPrompt="1"/>
          </p:nvPr>
        </p:nvSpPr>
        <p:spPr>
          <a:xfrm>
            <a:off x="482600" y="2052590"/>
            <a:ext cx="7394575" cy="2215991"/>
          </a:xfrm>
        </p:spPr>
        <p:txBody>
          <a:bodyPr>
            <a:spAutoFit/>
          </a:bodyPr>
          <a:lstStyle>
            <a:lvl1pPr>
              <a:spcBef>
                <a:spcPts val="0"/>
              </a:spcBef>
              <a:defRPr sz="4800" b="1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    Headline, Title </a:t>
            </a:r>
            <a:br>
              <a:rPr lang="en-US" dirty="0"/>
            </a:br>
            <a:r>
              <a:rPr lang="en-US" dirty="0"/>
              <a:t>Calibri Bold, 48 </a:t>
            </a:r>
            <a:r>
              <a:rPr lang="en-US" dirty="0" err="1"/>
              <a:t>pt</a:t>
            </a:r>
            <a:r>
              <a:rPr lang="en-US" dirty="0"/>
              <a:t>, </a:t>
            </a:r>
            <a:br>
              <a:rPr lang="en-US" dirty="0"/>
            </a:br>
            <a:r>
              <a:rPr lang="en-US" dirty="0"/>
              <a:t>       lorem ipsum</a:t>
            </a:r>
          </a:p>
        </p:txBody>
      </p:sp>
      <p:sp>
        <p:nvSpPr>
          <p:cNvPr id="9" name="Abgerundetes Rechteck 42"/>
          <p:cNvSpPr/>
          <p:nvPr userDrawn="1"/>
        </p:nvSpPr>
        <p:spPr>
          <a:xfrm>
            <a:off x="12649206" y="162700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Image</a:t>
            </a:r>
            <a:r>
              <a:rPr lang="en-US" sz="1100" dirty="0">
                <a:solidFill>
                  <a:srgbClr val="2D1E1C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must be exchanged on the slide master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04238162"/>
      </p:ext>
    </p:extLst>
  </p:cSld>
  <p:clrMapOvr>
    <a:masterClrMapping/>
  </p:clrMapOvr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F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4008404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7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Grafik 13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1154193"/>
            <a:ext cx="7856750" cy="5153279"/>
          </a:xfrm>
          <a:prstGeom prst="rect">
            <a:avLst/>
          </a:prstGeom>
        </p:spPr>
      </p:pic>
      <p:sp>
        <p:nvSpPr>
          <p:cNvPr id="77" name="Freeform 5"/>
          <p:cNvSpPr>
            <a:spLocks/>
          </p:cNvSpPr>
          <p:nvPr userDrawn="1"/>
        </p:nvSpPr>
        <p:spPr bwMode="auto">
          <a:xfrm>
            <a:off x="6172679" y="1"/>
            <a:ext cx="6029325" cy="6308725"/>
          </a:xfrm>
          <a:custGeom>
            <a:avLst/>
            <a:gdLst/>
            <a:ahLst/>
            <a:cxnLst/>
            <a:rect l="l" t="t" r="r" b="b"/>
            <a:pathLst>
              <a:path w="6029325" h="6308725">
                <a:moveTo>
                  <a:pt x="1460500" y="0"/>
                </a:moveTo>
                <a:lnTo>
                  <a:pt x="6029325" y="0"/>
                </a:lnTo>
                <a:lnTo>
                  <a:pt x="6029325" y="6308725"/>
                </a:lnTo>
                <a:lnTo>
                  <a:pt x="654617" y="6308725"/>
                </a:lnTo>
                <a:lnTo>
                  <a:pt x="622300" y="6248400"/>
                </a:lnTo>
                <a:lnTo>
                  <a:pt x="574675" y="6156325"/>
                </a:lnTo>
                <a:lnTo>
                  <a:pt x="530225" y="6064250"/>
                </a:lnTo>
                <a:lnTo>
                  <a:pt x="485775" y="5972175"/>
                </a:lnTo>
                <a:lnTo>
                  <a:pt x="444500" y="5876925"/>
                </a:lnTo>
                <a:lnTo>
                  <a:pt x="403225" y="5781675"/>
                </a:lnTo>
                <a:lnTo>
                  <a:pt x="365125" y="5686425"/>
                </a:lnTo>
                <a:lnTo>
                  <a:pt x="330200" y="5588000"/>
                </a:lnTo>
                <a:lnTo>
                  <a:pt x="295275" y="5492750"/>
                </a:lnTo>
                <a:lnTo>
                  <a:pt x="263525" y="5391150"/>
                </a:lnTo>
                <a:lnTo>
                  <a:pt x="231775" y="5292725"/>
                </a:lnTo>
                <a:lnTo>
                  <a:pt x="203200" y="5194300"/>
                </a:lnTo>
                <a:lnTo>
                  <a:pt x="174625" y="5092700"/>
                </a:lnTo>
                <a:lnTo>
                  <a:pt x="149225" y="4991100"/>
                </a:lnTo>
                <a:lnTo>
                  <a:pt x="127000" y="4889500"/>
                </a:lnTo>
                <a:lnTo>
                  <a:pt x="104775" y="4784725"/>
                </a:lnTo>
                <a:lnTo>
                  <a:pt x="85725" y="4679950"/>
                </a:lnTo>
                <a:lnTo>
                  <a:pt x="69850" y="4575175"/>
                </a:lnTo>
                <a:lnTo>
                  <a:pt x="53975" y="4470400"/>
                </a:lnTo>
                <a:lnTo>
                  <a:pt x="38100" y="4365625"/>
                </a:lnTo>
                <a:lnTo>
                  <a:pt x="28575" y="4257675"/>
                </a:lnTo>
                <a:lnTo>
                  <a:pt x="19050" y="4152900"/>
                </a:lnTo>
                <a:lnTo>
                  <a:pt x="12700" y="4044950"/>
                </a:lnTo>
                <a:lnTo>
                  <a:pt x="6350" y="3937000"/>
                </a:lnTo>
                <a:lnTo>
                  <a:pt x="3175" y="3825875"/>
                </a:lnTo>
                <a:lnTo>
                  <a:pt x="0" y="3717925"/>
                </a:lnTo>
                <a:lnTo>
                  <a:pt x="3175" y="3584575"/>
                </a:lnTo>
                <a:lnTo>
                  <a:pt x="9525" y="3451225"/>
                </a:lnTo>
                <a:lnTo>
                  <a:pt x="15875" y="3317875"/>
                </a:lnTo>
                <a:lnTo>
                  <a:pt x="28575" y="3184525"/>
                </a:lnTo>
                <a:lnTo>
                  <a:pt x="41275" y="3054350"/>
                </a:lnTo>
                <a:lnTo>
                  <a:pt x="57150" y="2924175"/>
                </a:lnTo>
                <a:lnTo>
                  <a:pt x="79375" y="2797175"/>
                </a:lnTo>
                <a:lnTo>
                  <a:pt x="101600" y="2667000"/>
                </a:lnTo>
                <a:lnTo>
                  <a:pt x="127000" y="2540000"/>
                </a:lnTo>
                <a:lnTo>
                  <a:pt x="158750" y="2416175"/>
                </a:lnTo>
                <a:lnTo>
                  <a:pt x="190500" y="2292350"/>
                </a:lnTo>
                <a:lnTo>
                  <a:pt x="225425" y="2168525"/>
                </a:lnTo>
                <a:lnTo>
                  <a:pt x="263525" y="2044700"/>
                </a:lnTo>
                <a:lnTo>
                  <a:pt x="301625" y="1924050"/>
                </a:lnTo>
                <a:lnTo>
                  <a:pt x="346075" y="1803400"/>
                </a:lnTo>
                <a:lnTo>
                  <a:pt x="390525" y="1685925"/>
                </a:lnTo>
                <a:lnTo>
                  <a:pt x="441325" y="1568450"/>
                </a:lnTo>
                <a:lnTo>
                  <a:pt x="492125" y="1454150"/>
                </a:lnTo>
                <a:lnTo>
                  <a:pt x="546100" y="1339850"/>
                </a:lnTo>
                <a:lnTo>
                  <a:pt x="600075" y="1225550"/>
                </a:lnTo>
                <a:lnTo>
                  <a:pt x="660400" y="1114425"/>
                </a:lnTo>
                <a:lnTo>
                  <a:pt x="720725" y="1006475"/>
                </a:lnTo>
                <a:lnTo>
                  <a:pt x="784225" y="895350"/>
                </a:lnTo>
                <a:lnTo>
                  <a:pt x="850900" y="790575"/>
                </a:lnTo>
                <a:lnTo>
                  <a:pt x="917575" y="685800"/>
                </a:lnTo>
                <a:lnTo>
                  <a:pt x="990600" y="581025"/>
                </a:lnTo>
                <a:lnTo>
                  <a:pt x="1063625" y="479425"/>
                </a:lnTo>
                <a:lnTo>
                  <a:pt x="1136650" y="381000"/>
                </a:lnTo>
                <a:lnTo>
                  <a:pt x="1216025" y="282575"/>
                </a:lnTo>
                <a:lnTo>
                  <a:pt x="1295400" y="187325"/>
                </a:lnTo>
                <a:lnTo>
                  <a:pt x="1377950" y="92075"/>
                </a:lnTo>
                <a:close/>
              </a:path>
            </a:pathLst>
          </a:custGeom>
          <a:solidFill>
            <a:srgbClr val="A6A2A0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eaLnBrk="1"/>
            <a:endParaRPr lang="en-US" dirty="0"/>
          </a:p>
        </p:txBody>
      </p:sp>
      <p:sp>
        <p:nvSpPr>
          <p:cNvPr id="115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10" name="Textplatzhalter 9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7242629" y="1628775"/>
            <a:ext cx="4384221" cy="2308324"/>
          </a:xfrm>
        </p:spPr>
        <p:txBody>
          <a:bodyPr wrap="square">
            <a:spAutoFit/>
          </a:bodyPr>
          <a:lstStyle>
            <a:lvl1pPr>
              <a:defRPr>
                <a:solidFill>
                  <a:schemeClr val="bg1"/>
                </a:solidFill>
              </a:defRPr>
            </a:lvl1pPr>
            <a:lvl2pPr>
              <a:buClr>
                <a:schemeClr val="bg1"/>
              </a:buClr>
              <a:defRPr>
                <a:solidFill>
                  <a:schemeClr val="bg1"/>
                </a:solidFill>
              </a:defRPr>
            </a:lvl2pPr>
            <a:lvl3pPr>
              <a:buClr>
                <a:schemeClr val="bg1"/>
              </a:buClr>
              <a:defRPr>
                <a:solidFill>
                  <a:schemeClr val="bg1"/>
                </a:solidFill>
              </a:defRPr>
            </a:lvl3pPr>
            <a:lvl4pPr>
              <a:buClr>
                <a:schemeClr val="bg1"/>
              </a:buClr>
              <a:defRPr>
                <a:solidFill>
                  <a:schemeClr val="bg1"/>
                </a:solidFill>
              </a:defRPr>
            </a:lvl4pPr>
            <a:lvl5pPr>
              <a:buClr>
                <a:schemeClr val="bg1"/>
              </a:buCl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3" hasCustomPrompt="1"/>
          </p:nvPr>
        </p:nvSpPr>
        <p:spPr>
          <a:xfrm>
            <a:off x="5445001" y="3104374"/>
            <a:ext cx="1581151" cy="1581151"/>
          </a:xfrm>
          <a:prstGeom prst="ellipse">
            <a:avLst/>
          </a:prstGeom>
          <a:solidFill>
            <a:schemeClr val="bg1"/>
          </a:solidFill>
        </p:spPr>
        <p:txBody>
          <a:bodyPr/>
          <a:lstStyle>
            <a:lvl1pPr>
              <a:defRPr sz="100"/>
            </a:lvl1pPr>
          </a:lstStyle>
          <a:p>
            <a:pPr lvl="0"/>
            <a:r>
              <a:rPr lang="en-US" dirty="0"/>
              <a:t> </a:t>
            </a:r>
          </a:p>
        </p:txBody>
      </p:sp>
      <p:sp>
        <p:nvSpPr>
          <p:cNvPr id="19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Images</a:t>
            </a:r>
            <a:r>
              <a:rPr lang="en-US" sz="1100" dirty="0">
                <a:solidFill>
                  <a:srgbClr val="2D1E1C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must be exchanged 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on the slide master</a:t>
            </a:r>
          </a:p>
        </p:txBody>
      </p:sp>
      <p:grpSp>
        <p:nvGrpSpPr>
          <p:cNvPr id="3" name="Gruppieren 2"/>
          <p:cNvGrpSpPr/>
          <p:nvPr userDrawn="1"/>
        </p:nvGrpSpPr>
        <p:grpSpPr bwMode="gray">
          <a:xfrm>
            <a:off x="1" y="796"/>
            <a:ext cx="12198350" cy="1624807"/>
            <a:chOff x="1" y="796"/>
            <a:chExt cx="12198350" cy="1624807"/>
          </a:xfrm>
        </p:grpSpPr>
        <p:sp>
          <p:nvSpPr>
            <p:cNvPr id="113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116" name="Freeform 11"/>
            <p:cNvSpPr>
              <a:spLocks/>
            </p:cNvSpPr>
            <p:nvPr userDrawn="1"/>
          </p:nvSpPr>
          <p:spPr bwMode="gray">
            <a:xfrm>
              <a:off x="1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2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21" name="Freihandform 2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22" name="Freihandform 2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23" name="Freihandform 2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9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30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31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32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3" name="Picture 20"/>
              <p:cNvPicPr>
                <a:picLocks noChangeAspect="1" noChangeArrowheads="1"/>
              </p:cNvPicPr>
              <p:nvPr/>
            </p:nvPicPr>
            <p:blipFill rotWithShape="1">
              <a:blip r:embed="rId8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2911307652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F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3346276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7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7" name="Grafik 116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1154193"/>
            <a:ext cx="7856750" cy="5153279"/>
          </a:xfrm>
          <a:prstGeom prst="rect">
            <a:avLst/>
          </a:prstGeom>
        </p:spPr>
      </p:pic>
      <p:sp>
        <p:nvSpPr>
          <p:cNvPr id="77" name="Freeform 5"/>
          <p:cNvSpPr>
            <a:spLocks/>
          </p:cNvSpPr>
          <p:nvPr userDrawn="1"/>
        </p:nvSpPr>
        <p:spPr bwMode="auto">
          <a:xfrm>
            <a:off x="6172679" y="1"/>
            <a:ext cx="6029325" cy="6308725"/>
          </a:xfrm>
          <a:custGeom>
            <a:avLst/>
            <a:gdLst/>
            <a:ahLst/>
            <a:cxnLst/>
            <a:rect l="l" t="t" r="r" b="b"/>
            <a:pathLst>
              <a:path w="6029325" h="6308725">
                <a:moveTo>
                  <a:pt x="1460500" y="0"/>
                </a:moveTo>
                <a:lnTo>
                  <a:pt x="6029325" y="0"/>
                </a:lnTo>
                <a:lnTo>
                  <a:pt x="6029325" y="6308725"/>
                </a:lnTo>
                <a:lnTo>
                  <a:pt x="654617" y="6308725"/>
                </a:lnTo>
                <a:lnTo>
                  <a:pt x="622300" y="6248400"/>
                </a:lnTo>
                <a:lnTo>
                  <a:pt x="574675" y="6156325"/>
                </a:lnTo>
                <a:lnTo>
                  <a:pt x="530225" y="6064250"/>
                </a:lnTo>
                <a:lnTo>
                  <a:pt x="485775" y="5972175"/>
                </a:lnTo>
                <a:lnTo>
                  <a:pt x="444500" y="5876925"/>
                </a:lnTo>
                <a:lnTo>
                  <a:pt x="403225" y="5781675"/>
                </a:lnTo>
                <a:lnTo>
                  <a:pt x="365125" y="5686425"/>
                </a:lnTo>
                <a:lnTo>
                  <a:pt x="330200" y="5588000"/>
                </a:lnTo>
                <a:lnTo>
                  <a:pt x="295275" y="5492750"/>
                </a:lnTo>
                <a:lnTo>
                  <a:pt x="263525" y="5391150"/>
                </a:lnTo>
                <a:lnTo>
                  <a:pt x="231775" y="5292725"/>
                </a:lnTo>
                <a:lnTo>
                  <a:pt x="203200" y="5194300"/>
                </a:lnTo>
                <a:lnTo>
                  <a:pt x="174625" y="5092700"/>
                </a:lnTo>
                <a:lnTo>
                  <a:pt x="149225" y="4991100"/>
                </a:lnTo>
                <a:lnTo>
                  <a:pt x="127000" y="4889500"/>
                </a:lnTo>
                <a:lnTo>
                  <a:pt x="104775" y="4784725"/>
                </a:lnTo>
                <a:lnTo>
                  <a:pt x="85725" y="4679950"/>
                </a:lnTo>
                <a:lnTo>
                  <a:pt x="69850" y="4575175"/>
                </a:lnTo>
                <a:lnTo>
                  <a:pt x="53975" y="4470400"/>
                </a:lnTo>
                <a:lnTo>
                  <a:pt x="38100" y="4365625"/>
                </a:lnTo>
                <a:lnTo>
                  <a:pt x="28575" y="4257675"/>
                </a:lnTo>
                <a:lnTo>
                  <a:pt x="19050" y="4152900"/>
                </a:lnTo>
                <a:lnTo>
                  <a:pt x="12700" y="4044950"/>
                </a:lnTo>
                <a:lnTo>
                  <a:pt x="6350" y="3937000"/>
                </a:lnTo>
                <a:lnTo>
                  <a:pt x="3175" y="3825875"/>
                </a:lnTo>
                <a:lnTo>
                  <a:pt x="0" y="3717925"/>
                </a:lnTo>
                <a:lnTo>
                  <a:pt x="3175" y="3584575"/>
                </a:lnTo>
                <a:lnTo>
                  <a:pt x="9525" y="3451225"/>
                </a:lnTo>
                <a:lnTo>
                  <a:pt x="15875" y="3317875"/>
                </a:lnTo>
                <a:lnTo>
                  <a:pt x="28575" y="3184525"/>
                </a:lnTo>
                <a:lnTo>
                  <a:pt x="41275" y="3054350"/>
                </a:lnTo>
                <a:lnTo>
                  <a:pt x="57150" y="2924175"/>
                </a:lnTo>
                <a:lnTo>
                  <a:pt x="79375" y="2797175"/>
                </a:lnTo>
                <a:lnTo>
                  <a:pt x="101600" y="2667000"/>
                </a:lnTo>
                <a:lnTo>
                  <a:pt x="127000" y="2540000"/>
                </a:lnTo>
                <a:lnTo>
                  <a:pt x="158750" y="2416175"/>
                </a:lnTo>
                <a:lnTo>
                  <a:pt x="190500" y="2292350"/>
                </a:lnTo>
                <a:lnTo>
                  <a:pt x="225425" y="2168525"/>
                </a:lnTo>
                <a:lnTo>
                  <a:pt x="263525" y="2044700"/>
                </a:lnTo>
                <a:lnTo>
                  <a:pt x="301625" y="1924050"/>
                </a:lnTo>
                <a:lnTo>
                  <a:pt x="346075" y="1803400"/>
                </a:lnTo>
                <a:lnTo>
                  <a:pt x="390525" y="1685925"/>
                </a:lnTo>
                <a:lnTo>
                  <a:pt x="441325" y="1568450"/>
                </a:lnTo>
                <a:lnTo>
                  <a:pt x="492125" y="1454150"/>
                </a:lnTo>
                <a:lnTo>
                  <a:pt x="546100" y="1339850"/>
                </a:lnTo>
                <a:lnTo>
                  <a:pt x="600075" y="1225550"/>
                </a:lnTo>
                <a:lnTo>
                  <a:pt x="660400" y="1114425"/>
                </a:lnTo>
                <a:lnTo>
                  <a:pt x="720725" y="1006475"/>
                </a:lnTo>
                <a:lnTo>
                  <a:pt x="784225" y="895350"/>
                </a:lnTo>
                <a:lnTo>
                  <a:pt x="850900" y="790575"/>
                </a:lnTo>
                <a:lnTo>
                  <a:pt x="917575" y="685800"/>
                </a:lnTo>
                <a:lnTo>
                  <a:pt x="990600" y="581025"/>
                </a:lnTo>
                <a:lnTo>
                  <a:pt x="1063625" y="479425"/>
                </a:lnTo>
                <a:lnTo>
                  <a:pt x="1136650" y="381000"/>
                </a:lnTo>
                <a:lnTo>
                  <a:pt x="1216025" y="282575"/>
                </a:lnTo>
                <a:lnTo>
                  <a:pt x="1295400" y="187325"/>
                </a:lnTo>
                <a:lnTo>
                  <a:pt x="1377950" y="92075"/>
                </a:lnTo>
                <a:close/>
              </a:path>
            </a:pathLst>
          </a:custGeom>
          <a:solidFill>
            <a:srgbClr val="A6A2A0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eaLnBrk="1"/>
            <a:endParaRPr lang="en-US" dirty="0"/>
          </a:p>
        </p:txBody>
      </p:sp>
      <p:sp>
        <p:nvSpPr>
          <p:cNvPr id="115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10" name="Textplatzhalter 9"/>
          <p:cNvSpPr>
            <a:spLocks noGrp="1"/>
          </p:cNvSpPr>
          <p:nvPr>
            <p:ph type="body" sz="quarter" idx="12" hasCustomPrompt="1"/>
          </p:nvPr>
        </p:nvSpPr>
        <p:spPr>
          <a:xfrm>
            <a:off x="7877175" y="1628775"/>
            <a:ext cx="3749675" cy="1128514"/>
          </a:xfrm>
        </p:spPr>
        <p:txBody>
          <a:bodyPr>
            <a:spAutoFit/>
          </a:bodyPr>
          <a:lstStyle>
            <a:lvl1pPr>
              <a:defRPr sz="2000">
                <a:solidFill>
                  <a:schemeClr val="bg1"/>
                </a:solidFill>
              </a:defRPr>
            </a:lvl1pPr>
            <a:lvl2pPr>
              <a:buClr>
                <a:schemeClr val="bg1"/>
              </a:buClr>
              <a:defRPr sz="2000">
                <a:solidFill>
                  <a:schemeClr val="bg1"/>
                </a:solidFill>
              </a:defRPr>
            </a:lvl2pPr>
            <a:lvl3pPr>
              <a:buClr>
                <a:schemeClr val="bg1"/>
              </a:buClr>
              <a:defRPr sz="2000">
                <a:solidFill>
                  <a:schemeClr val="bg1"/>
                </a:solidFill>
              </a:defRPr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</p:txBody>
      </p:sp>
      <p:sp>
        <p:nvSpPr>
          <p:cNvPr id="112" name="Textplatzhalter 9"/>
          <p:cNvSpPr>
            <a:spLocks noGrp="1"/>
          </p:cNvSpPr>
          <p:nvPr>
            <p:ph type="body" sz="quarter" idx="14" hasCustomPrompt="1"/>
          </p:nvPr>
        </p:nvSpPr>
        <p:spPr>
          <a:xfrm>
            <a:off x="7877175" y="3139282"/>
            <a:ext cx="3749675" cy="1128514"/>
          </a:xfrm>
        </p:spPr>
        <p:txBody>
          <a:bodyPr>
            <a:spAutoFit/>
          </a:bodyPr>
          <a:lstStyle>
            <a:lvl1pPr>
              <a:defRPr sz="2000">
                <a:solidFill>
                  <a:schemeClr val="bg1"/>
                </a:solidFill>
              </a:defRPr>
            </a:lvl1pPr>
            <a:lvl2pPr>
              <a:buClr>
                <a:schemeClr val="bg1"/>
              </a:buClr>
              <a:defRPr sz="2000">
                <a:solidFill>
                  <a:schemeClr val="bg1"/>
                </a:solidFill>
              </a:defRPr>
            </a:lvl2pPr>
            <a:lvl3pPr>
              <a:buClr>
                <a:schemeClr val="bg1"/>
              </a:buClr>
              <a:defRPr sz="2000">
                <a:solidFill>
                  <a:schemeClr val="bg1"/>
                </a:solidFill>
              </a:defRPr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</p:txBody>
      </p:sp>
      <p:sp>
        <p:nvSpPr>
          <p:cNvPr id="114" name="Textplatzhalter 9"/>
          <p:cNvSpPr>
            <a:spLocks noGrp="1"/>
          </p:cNvSpPr>
          <p:nvPr>
            <p:ph type="body" sz="quarter" idx="16" hasCustomPrompt="1"/>
          </p:nvPr>
        </p:nvSpPr>
        <p:spPr>
          <a:xfrm>
            <a:off x="7877175" y="4649788"/>
            <a:ext cx="3749675" cy="1128514"/>
          </a:xfrm>
        </p:spPr>
        <p:txBody>
          <a:bodyPr>
            <a:spAutoFit/>
          </a:bodyPr>
          <a:lstStyle>
            <a:lvl1pPr>
              <a:defRPr sz="2000">
                <a:solidFill>
                  <a:schemeClr val="bg1"/>
                </a:solidFill>
              </a:defRPr>
            </a:lvl1pPr>
            <a:lvl2pPr>
              <a:buClr>
                <a:schemeClr val="bg1"/>
              </a:buClr>
              <a:defRPr sz="2000">
                <a:solidFill>
                  <a:schemeClr val="bg1"/>
                </a:solidFill>
              </a:defRPr>
            </a:lvl2pPr>
            <a:lvl3pPr>
              <a:buClr>
                <a:schemeClr val="bg1"/>
              </a:buClr>
              <a:defRPr sz="2000">
                <a:solidFill>
                  <a:schemeClr val="bg1"/>
                </a:solidFill>
              </a:defRPr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</p:txBody>
      </p:sp>
      <p:sp>
        <p:nvSpPr>
          <p:cNvPr id="19" name="Abgerundetes Rechteck 42"/>
          <p:cNvSpPr/>
          <p:nvPr userDrawn="1"/>
        </p:nvSpPr>
        <p:spPr>
          <a:xfrm>
            <a:off x="12649206" y="6103753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72000" rtlCol="0" anchor="ctr"/>
          <a:lstStyle/>
          <a:p>
            <a:r>
              <a:rPr lang="en-US" sz="1100" b="1" dirty="0">
                <a:solidFill>
                  <a:srgbClr val="2D1E1C"/>
                </a:solidFill>
                <a:latin typeface="+mn-lt"/>
              </a:rPr>
              <a:t>Images</a:t>
            </a:r>
            <a:r>
              <a:rPr lang="en-US" sz="1100" dirty="0">
                <a:solidFill>
                  <a:srgbClr val="2D1E1C"/>
                </a:solidFill>
                <a:latin typeface="+mn-lt"/>
              </a:rPr>
              <a:t> </a:t>
            </a:r>
            <a:r>
              <a:rPr lang="en-US" sz="1100" dirty="0">
                <a:solidFill>
                  <a:schemeClr val="bg1"/>
                </a:solidFill>
                <a:latin typeface="+mn-lt"/>
              </a:rPr>
              <a:t>must be exchanged </a:t>
            </a:r>
            <a:br>
              <a:rPr lang="en-US" sz="1100" dirty="0">
                <a:solidFill>
                  <a:schemeClr val="bg1"/>
                </a:solidFill>
                <a:latin typeface="+mn-lt"/>
              </a:rPr>
            </a:br>
            <a:r>
              <a:rPr lang="en-US" sz="1100" dirty="0">
                <a:solidFill>
                  <a:schemeClr val="bg1"/>
                </a:solidFill>
                <a:latin typeface="+mn-lt"/>
              </a:rPr>
              <a:t>on the slide master</a:t>
            </a:r>
          </a:p>
        </p:txBody>
      </p:sp>
      <p:grpSp>
        <p:nvGrpSpPr>
          <p:cNvPr id="3" name="Gruppieren 2"/>
          <p:cNvGrpSpPr/>
          <p:nvPr userDrawn="1"/>
        </p:nvGrpSpPr>
        <p:grpSpPr bwMode="gray">
          <a:xfrm>
            <a:off x="0" y="796"/>
            <a:ext cx="12198350" cy="1624807"/>
            <a:chOff x="0" y="796"/>
            <a:chExt cx="12198350" cy="1624807"/>
          </a:xfrm>
        </p:grpSpPr>
        <p:sp>
          <p:nvSpPr>
            <p:cNvPr id="116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sp>
          <p:nvSpPr>
            <p:cNvPr id="122" name="Freeform 11"/>
            <p:cNvSpPr>
              <a:spLocks/>
            </p:cNvSpPr>
            <p:nvPr userDrawn="1"/>
          </p:nvSpPr>
          <p:spPr bwMode="gray">
            <a:xfrm>
              <a:off x="0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2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21" name="Freihandform 2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22" name="Freihandform 2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23" name="Freihandform 2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9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30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31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32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3" name="Picture 20"/>
              <p:cNvPicPr>
                <a:picLocks noChangeAspect="1" noChangeArrowheads="1"/>
              </p:cNvPicPr>
              <p:nvPr/>
            </p:nvPicPr>
            <p:blipFill rotWithShape="1">
              <a:blip r:embed="rId8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2288525150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F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7217970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7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7" name="Freeform 5"/>
          <p:cNvSpPr>
            <a:spLocks/>
          </p:cNvSpPr>
          <p:nvPr userDrawn="1"/>
        </p:nvSpPr>
        <p:spPr bwMode="auto">
          <a:xfrm flipH="1">
            <a:off x="3175" y="1"/>
            <a:ext cx="6029325" cy="6308725"/>
          </a:xfrm>
          <a:custGeom>
            <a:avLst/>
            <a:gdLst/>
            <a:ahLst/>
            <a:cxnLst/>
            <a:rect l="l" t="t" r="r" b="b"/>
            <a:pathLst>
              <a:path w="6029325" h="6308725">
                <a:moveTo>
                  <a:pt x="6029325" y="990599"/>
                </a:moveTo>
                <a:lnTo>
                  <a:pt x="729797" y="990599"/>
                </a:lnTo>
                <a:lnTo>
                  <a:pt x="720725" y="1006475"/>
                </a:lnTo>
                <a:lnTo>
                  <a:pt x="660400" y="1114425"/>
                </a:lnTo>
                <a:lnTo>
                  <a:pt x="600075" y="1225550"/>
                </a:lnTo>
                <a:lnTo>
                  <a:pt x="546100" y="1339850"/>
                </a:lnTo>
                <a:lnTo>
                  <a:pt x="492125" y="1454150"/>
                </a:lnTo>
                <a:lnTo>
                  <a:pt x="441325" y="1568450"/>
                </a:lnTo>
                <a:lnTo>
                  <a:pt x="390525" y="1685925"/>
                </a:lnTo>
                <a:lnTo>
                  <a:pt x="346075" y="1803400"/>
                </a:lnTo>
                <a:lnTo>
                  <a:pt x="301625" y="1924050"/>
                </a:lnTo>
                <a:lnTo>
                  <a:pt x="263525" y="2044700"/>
                </a:lnTo>
                <a:lnTo>
                  <a:pt x="225425" y="2168525"/>
                </a:lnTo>
                <a:lnTo>
                  <a:pt x="190500" y="2292350"/>
                </a:lnTo>
                <a:lnTo>
                  <a:pt x="158750" y="2416175"/>
                </a:lnTo>
                <a:lnTo>
                  <a:pt x="127000" y="2540000"/>
                </a:lnTo>
                <a:lnTo>
                  <a:pt x="101600" y="2667000"/>
                </a:lnTo>
                <a:lnTo>
                  <a:pt x="79375" y="2797175"/>
                </a:lnTo>
                <a:lnTo>
                  <a:pt x="57150" y="2924175"/>
                </a:lnTo>
                <a:lnTo>
                  <a:pt x="41275" y="3054350"/>
                </a:lnTo>
                <a:lnTo>
                  <a:pt x="28575" y="3184525"/>
                </a:lnTo>
                <a:lnTo>
                  <a:pt x="15875" y="3317875"/>
                </a:lnTo>
                <a:lnTo>
                  <a:pt x="9525" y="3451225"/>
                </a:lnTo>
                <a:lnTo>
                  <a:pt x="3175" y="3584575"/>
                </a:lnTo>
                <a:lnTo>
                  <a:pt x="0" y="3717925"/>
                </a:lnTo>
                <a:lnTo>
                  <a:pt x="3175" y="3825875"/>
                </a:lnTo>
                <a:lnTo>
                  <a:pt x="6350" y="3937000"/>
                </a:lnTo>
                <a:lnTo>
                  <a:pt x="12700" y="4044950"/>
                </a:lnTo>
                <a:lnTo>
                  <a:pt x="19050" y="4152900"/>
                </a:lnTo>
                <a:lnTo>
                  <a:pt x="28575" y="4257675"/>
                </a:lnTo>
                <a:lnTo>
                  <a:pt x="38100" y="4365625"/>
                </a:lnTo>
                <a:lnTo>
                  <a:pt x="53975" y="4470400"/>
                </a:lnTo>
                <a:lnTo>
                  <a:pt x="69850" y="4575175"/>
                </a:lnTo>
                <a:lnTo>
                  <a:pt x="85725" y="4679950"/>
                </a:lnTo>
                <a:lnTo>
                  <a:pt x="104775" y="4784725"/>
                </a:lnTo>
                <a:lnTo>
                  <a:pt x="127000" y="4889500"/>
                </a:lnTo>
                <a:lnTo>
                  <a:pt x="149225" y="4991100"/>
                </a:lnTo>
                <a:lnTo>
                  <a:pt x="174625" y="5092700"/>
                </a:lnTo>
                <a:lnTo>
                  <a:pt x="203200" y="5194300"/>
                </a:lnTo>
                <a:lnTo>
                  <a:pt x="231775" y="5292725"/>
                </a:lnTo>
                <a:lnTo>
                  <a:pt x="263525" y="5391150"/>
                </a:lnTo>
                <a:lnTo>
                  <a:pt x="295275" y="5492750"/>
                </a:lnTo>
                <a:lnTo>
                  <a:pt x="330200" y="5588000"/>
                </a:lnTo>
                <a:lnTo>
                  <a:pt x="365125" y="5686425"/>
                </a:lnTo>
                <a:lnTo>
                  <a:pt x="403225" y="5781675"/>
                </a:lnTo>
                <a:lnTo>
                  <a:pt x="444500" y="5876925"/>
                </a:lnTo>
                <a:lnTo>
                  <a:pt x="485775" y="5972175"/>
                </a:lnTo>
                <a:lnTo>
                  <a:pt x="530225" y="6064250"/>
                </a:lnTo>
                <a:lnTo>
                  <a:pt x="574675" y="6156325"/>
                </a:lnTo>
                <a:lnTo>
                  <a:pt x="622300" y="6248400"/>
                </a:lnTo>
                <a:lnTo>
                  <a:pt x="654617" y="6308725"/>
                </a:lnTo>
                <a:lnTo>
                  <a:pt x="6029325" y="6308725"/>
                </a:lnTo>
                <a:close/>
                <a:moveTo>
                  <a:pt x="6029325" y="0"/>
                </a:moveTo>
                <a:lnTo>
                  <a:pt x="1460500" y="0"/>
                </a:lnTo>
                <a:lnTo>
                  <a:pt x="1457655" y="3174"/>
                </a:lnTo>
                <a:lnTo>
                  <a:pt x="6029325" y="3174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eaLnBrk="1"/>
            <a:endParaRPr lang="en-US" dirty="0"/>
          </a:p>
        </p:txBody>
      </p:sp>
      <p:sp>
        <p:nvSpPr>
          <p:cNvPr id="115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100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 userDrawn="1">
            <p:ph type="body" sz="quarter" idx="13" hasCustomPrompt="1"/>
          </p:nvPr>
        </p:nvSpPr>
        <p:spPr>
          <a:xfrm>
            <a:off x="5286374" y="3067050"/>
            <a:ext cx="1581151" cy="1581151"/>
          </a:xfrm>
          <a:prstGeom prst="ellipse">
            <a:avLst/>
          </a:prstGeom>
          <a:solidFill>
            <a:schemeClr val="bg1"/>
          </a:solidFill>
        </p:spPr>
        <p:txBody>
          <a:bodyPr/>
          <a:lstStyle>
            <a:lvl1pPr>
              <a:defRPr sz="100"/>
            </a:lvl1pPr>
          </a:lstStyle>
          <a:p>
            <a:pPr lvl="0"/>
            <a:r>
              <a:rPr lang="en-US" dirty="0"/>
              <a:t> </a:t>
            </a:r>
          </a:p>
        </p:txBody>
      </p:sp>
      <p:sp>
        <p:nvSpPr>
          <p:cNvPr id="7" name="Textplatzhalter 6"/>
          <p:cNvSpPr>
            <a:spLocks noGrp="1"/>
          </p:cNvSpPr>
          <p:nvPr userDrawn="1">
            <p:ph type="body" sz="quarter" idx="14" hasCustomPrompt="1"/>
          </p:nvPr>
        </p:nvSpPr>
        <p:spPr>
          <a:xfrm>
            <a:off x="482600" y="1628775"/>
            <a:ext cx="4613275" cy="2308324"/>
          </a:xfrm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</a:defRPr>
            </a:lvl1pPr>
            <a:lvl2pPr>
              <a:buClr>
                <a:schemeClr val="tx2"/>
              </a:buClr>
              <a:defRPr>
                <a:solidFill>
                  <a:schemeClr val="tx1"/>
                </a:solidFill>
              </a:defRPr>
            </a:lvl2pPr>
            <a:lvl3pPr>
              <a:buClr>
                <a:schemeClr val="tx2"/>
              </a:buClr>
              <a:defRPr>
                <a:solidFill>
                  <a:schemeClr val="tx1"/>
                </a:solidFill>
              </a:defRPr>
            </a:lvl3pPr>
            <a:lvl4pPr>
              <a:buClr>
                <a:schemeClr val="tx2"/>
              </a:buClr>
              <a:defRPr>
                <a:solidFill>
                  <a:schemeClr val="tx1"/>
                </a:solidFill>
              </a:defRPr>
            </a:lvl4pPr>
            <a:lvl5pPr>
              <a:buClr>
                <a:schemeClr val="tx2"/>
              </a:buClr>
              <a:defRPr>
                <a:solidFill>
                  <a:schemeClr val="tx1"/>
                </a:solidFill>
              </a:defRPr>
            </a:lvl5pPr>
          </a:lstStyle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112" name="Textplatzhalter 6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7015163" y="1628775"/>
            <a:ext cx="4613275" cy="2308324"/>
          </a:xfrm>
        </p:spPr>
        <p:txBody>
          <a:bodyPr>
            <a:spAutoFit/>
          </a:bodyPr>
          <a:lstStyle/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grpSp>
        <p:nvGrpSpPr>
          <p:cNvPr id="3" name="Gruppieren 2"/>
          <p:cNvGrpSpPr/>
          <p:nvPr userDrawn="1"/>
        </p:nvGrpSpPr>
        <p:grpSpPr bwMode="gray">
          <a:xfrm>
            <a:off x="701" y="796"/>
            <a:ext cx="12197649" cy="1624807"/>
            <a:chOff x="701" y="796"/>
            <a:chExt cx="12197649" cy="1624807"/>
          </a:xfrm>
        </p:grpSpPr>
        <p:sp>
          <p:nvSpPr>
            <p:cNvPr id="117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5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151" name="Freihandform 15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52" name="Freihandform 15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53" name="Freihandform 15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  <p:sp>
          <p:nvSpPr>
            <p:cNvPr id="119" name="Freeform 11"/>
            <p:cNvSpPr>
              <a:spLocks/>
            </p:cNvSpPr>
            <p:nvPr userDrawn="1"/>
          </p:nvSpPr>
          <p:spPr bwMode="gray">
            <a:xfrm>
              <a:off x="3175" y="1151075"/>
              <a:ext cx="12195175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6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7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9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0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265103928"/>
      </p:ext>
    </p:extLst>
  </p:cSld>
  <p:clrMapOvr>
    <a:masterClrMapping/>
  </p:clrMapOvr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ast Slid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53660168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8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89" name="Grafik 188"/>
          <p:cNvPicPr>
            <a:picLocks noChangeAspect="1"/>
          </p:cNvPicPr>
          <p:nvPr userDrawn="1"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07263" y="1149164"/>
            <a:ext cx="5225574" cy="5710465"/>
          </a:xfrm>
          <a:prstGeom prst="rect">
            <a:avLst/>
          </a:prstGeom>
        </p:spPr>
      </p:pic>
      <p:sp>
        <p:nvSpPr>
          <p:cNvPr id="197" name="Text Placeholder 7"/>
          <p:cNvSpPr txBox="1">
            <a:spLocks/>
          </p:cNvSpPr>
          <p:nvPr userDrawn="1"/>
        </p:nvSpPr>
        <p:spPr bwMode="auto">
          <a:xfrm>
            <a:off x="6134100" y="6001584"/>
            <a:ext cx="5508625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  <a:spAutoFit/>
          </a:bodyPr>
          <a:lstStyle>
            <a:lvl1pPr marL="0" indent="0" algn="l" rtl="0" eaLnBrk="1" fontAlgn="base" hangingPunct="1">
              <a:lnSpc>
                <a:spcPct val="100000"/>
              </a:lnSpc>
              <a:spcBef>
                <a:spcPts val="12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None/>
              <a:tabLst/>
              <a:defRPr sz="2000" b="0">
                <a:solidFill>
                  <a:schemeClr val="bg1"/>
                </a:solidFill>
                <a:latin typeface="Bree Rg" pitchFamily="50" charset="0"/>
                <a:ea typeface="+mn-ea"/>
                <a:cs typeface="Arial" pitchFamily="34" charset="0"/>
              </a:defRPr>
            </a:lvl1pPr>
            <a:lvl2pPr marL="457200" indent="0" algn="l" rtl="0" eaLnBrk="1" fontAlgn="base" hangingPunct="1">
              <a:lnSpc>
                <a:spcPct val="100000"/>
              </a:lnSpc>
              <a:spcBef>
                <a:spcPts val="1200"/>
              </a:spcBef>
              <a:spcAft>
                <a:spcPct val="0"/>
              </a:spcAft>
              <a:buClr>
                <a:srgbClr val="EC6602"/>
              </a:buClr>
              <a:buNone/>
              <a:tabLst/>
              <a:defRPr sz="2000" b="1">
                <a:solidFill>
                  <a:schemeClr val="tx1"/>
                </a:solidFill>
                <a:latin typeface="Calibri" panose="020F0502020204030204" pitchFamily="34" charset="0"/>
                <a:ea typeface="+mn-ea"/>
                <a:cs typeface="Arial" pitchFamily="34" charset="0"/>
              </a:defRPr>
            </a:lvl2pPr>
            <a:lvl3pPr marL="914400" indent="0" algn="l" rtl="0" eaLnBrk="1" fontAlgn="base" hangingPunct="1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Clr>
                <a:srgbClr val="EC6602"/>
              </a:buClr>
              <a:buNone/>
              <a:tabLst/>
              <a:defRPr sz="1800" b="1">
                <a:solidFill>
                  <a:schemeClr val="tx1"/>
                </a:solidFill>
                <a:latin typeface="Calibri" panose="020F0502020204030204" pitchFamily="34" charset="0"/>
                <a:ea typeface="+mn-ea"/>
                <a:cs typeface="Arial" pitchFamily="34" charset="0"/>
              </a:defRPr>
            </a:lvl3pPr>
            <a:lvl4pPr marL="1371600" indent="0" algn="l" rtl="0" eaLnBrk="1" fontAlgn="base" hangingPunct="1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Clr>
                <a:srgbClr val="EC6602"/>
              </a:buClr>
              <a:buNone/>
              <a:tabLst/>
              <a:defRPr sz="1600" b="1">
                <a:solidFill>
                  <a:schemeClr val="tx1"/>
                </a:solidFill>
                <a:latin typeface="Calibri" panose="020F0502020204030204" pitchFamily="34" charset="0"/>
                <a:ea typeface="+mn-ea"/>
                <a:cs typeface="Arial" pitchFamily="34" charset="0"/>
              </a:defRPr>
            </a:lvl4pPr>
            <a:lvl5pPr marL="1828800" indent="0" algn="l" rtl="0" eaLnBrk="1" fontAlgn="base" hangingPunct="1">
              <a:lnSpc>
                <a:spcPct val="100000"/>
              </a:lnSpc>
              <a:spcBef>
                <a:spcPts val="400"/>
              </a:spcBef>
              <a:spcAft>
                <a:spcPct val="0"/>
              </a:spcAft>
              <a:buClr>
                <a:srgbClr val="EC6602"/>
              </a:buClr>
              <a:buNone/>
              <a:tabLst/>
              <a:defRPr sz="1600" b="1" baseline="0">
                <a:solidFill>
                  <a:schemeClr val="tx1"/>
                </a:solidFill>
                <a:latin typeface="Calibri" panose="020F0502020204030204" pitchFamily="34" charset="0"/>
                <a:ea typeface="+mn-ea"/>
                <a:cs typeface="Arial" pitchFamily="34" charset="0"/>
              </a:defRPr>
            </a:lvl5pPr>
            <a:lvl6pPr marL="2286000" indent="0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None/>
              <a:defRPr sz="1600" b="1">
                <a:solidFill>
                  <a:schemeClr val="tx1"/>
                </a:solidFill>
                <a:latin typeface="+mn-lt"/>
                <a:ea typeface="+mn-ea"/>
              </a:defRPr>
            </a:lvl6pPr>
            <a:lvl7pPr marL="2743200" indent="0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None/>
              <a:defRPr sz="1600" b="1">
                <a:solidFill>
                  <a:schemeClr val="tx1"/>
                </a:solidFill>
                <a:latin typeface="+mn-lt"/>
                <a:ea typeface="+mn-ea"/>
              </a:defRPr>
            </a:lvl7pPr>
            <a:lvl8pPr marL="3200400" indent="0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None/>
              <a:defRPr sz="1600" b="1">
                <a:solidFill>
                  <a:schemeClr val="tx1"/>
                </a:solidFill>
                <a:latin typeface="+mn-lt"/>
                <a:ea typeface="+mn-ea"/>
              </a:defRPr>
            </a:lvl8pPr>
            <a:lvl9pPr marL="3657600" indent="0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None/>
              <a:defRPr sz="1600" b="1"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pPr algn="l" defTabSz="914400"/>
            <a:r>
              <a:rPr lang="en-US" b="1" kern="0" dirty="0">
                <a:latin typeface="Calibri" panose="020F0502020204030204" pitchFamily="34" charset="0"/>
              </a:rPr>
              <a:t>Engineering success. Pioneering healthcare.</a:t>
            </a:r>
          </a:p>
        </p:txBody>
      </p:sp>
      <p:sp>
        <p:nvSpPr>
          <p:cNvPr id="198" name="cdtTextBox 11 Id18"/>
          <p:cNvSpPr txBox="1"/>
          <p:nvPr userDrawn="1">
            <p:custDataLst>
              <p:tags r:id="rId3"/>
            </p:custDataLst>
          </p:nvPr>
        </p:nvSpPr>
        <p:spPr>
          <a:xfrm>
            <a:off x="8034128" y="6597650"/>
            <a:ext cx="3613634" cy="15388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marL="0" marR="0" indent="0" algn="r" defTabSz="1088959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000" noProof="0" dirty="0">
                <a:solidFill>
                  <a:schemeClr val="bg1"/>
                </a:solidFill>
                <a:latin typeface="Calibri" panose="020F0502020204030204" pitchFamily="34" charset="0"/>
              </a:rPr>
              <a:t>Unrestricted © Siemens Healthcare GmbH, 2016</a:t>
            </a:r>
          </a:p>
        </p:txBody>
      </p:sp>
      <p:sp>
        <p:nvSpPr>
          <p:cNvPr id="348" name="Title 5"/>
          <p:cNvSpPr txBox="1">
            <a:spLocks/>
          </p:cNvSpPr>
          <p:nvPr userDrawn="1"/>
        </p:nvSpPr>
        <p:spPr bwMode="gray">
          <a:xfrm>
            <a:off x="6134100" y="2348880"/>
            <a:ext cx="5508625" cy="140880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  <a:noAutofit/>
          </a:bodyPr>
          <a:lstStyle>
            <a:lvl1pPr algn="l" rtl="0" eaLnBrk="1" fontAlgn="base" hangingPunct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3600" b="1" smtClean="0">
                <a:solidFill>
                  <a:schemeClr val="bg1"/>
                </a:solidFill>
                <a:latin typeface="Bree Rg" pitchFamily="50" charset="0"/>
                <a:ea typeface="+mj-ea"/>
                <a:cs typeface="Arial" pitchFamily="34" charset="0"/>
              </a:defRPr>
            </a:lvl1pPr>
            <a:lvl2pPr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pPr defTabSz="914400"/>
            <a:r>
              <a:rPr lang="en-US" sz="4400" kern="0" dirty="0">
                <a:latin typeface="Calibri" panose="020F0502020204030204" pitchFamily="34" charset="0"/>
              </a:rPr>
              <a:t>  Now’s our time </a:t>
            </a:r>
            <a:br>
              <a:rPr lang="en-US" sz="6000" kern="0" dirty="0">
                <a:latin typeface="Calibri" panose="020F0502020204030204" pitchFamily="34" charset="0"/>
              </a:rPr>
            </a:br>
            <a:r>
              <a:rPr lang="en-US" sz="8000" kern="0" dirty="0">
                <a:latin typeface="Calibri" panose="020F0502020204030204" pitchFamily="34" charset="0"/>
              </a:rPr>
              <a:t>      to inspire</a:t>
            </a:r>
            <a:endParaRPr lang="en-US" sz="6000" kern="0" dirty="0">
              <a:latin typeface="Calibri" panose="020F0502020204030204" pitchFamily="34" charset="0"/>
            </a:endParaRPr>
          </a:p>
        </p:txBody>
      </p:sp>
      <p:sp>
        <p:nvSpPr>
          <p:cNvPr id="349" name="Subtitle 3"/>
          <p:cNvSpPr txBox="1">
            <a:spLocks/>
          </p:cNvSpPr>
          <p:nvPr userDrawn="1"/>
        </p:nvSpPr>
        <p:spPr bwMode="gray">
          <a:xfrm>
            <a:off x="6134100" y="3767998"/>
            <a:ext cx="5508625" cy="16874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normAutofit/>
          </a:bodyPr>
          <a:lstStyle>
            <a:lvl1pPr marL="0" indent="0" algn="l" rtl="0" eaLnBrk="1" fontAlgn="base" hangingPunct="1">
              <a:lnSpc>
                <a:spcPct val="80000"/>
              </a:lnSpc>
              <a:spcBef>
                <a:spcPts val="12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None/>
              <a:tabLst/>
              <a:defRPr sz="4800" b="1" smtClean="0">
                <a:solidFill>
                  <a:schemeClr val="bg1"/>
                </a:solidFill>
                <a:latin typeface="Bree Rg" pitchFamily="50" charset="0"/>
                <a:ea typeface="+mn-ea"/>
                <a:cs typeface="Arial" pitchFamily="34" charset="0"/>
              </a:defRPr>
            </a:lvl1pPr>
            <a:lvl2pPr marL="270000" indent="-270000" algn="l" rtl="0" eaLnBrk="1" fontAlgn="base" hangingPunct="1">
              <a:lnSpc>
                <a:spcPct val="100000"/>
              </a:lnSpc>
              <a:spcBef>
                <a:spcPts val="1200"/>
              </a:spcBef>
              <a:spcAft>
                <a:spcPct val="0"/>
              </a:spcAft>
              <a:buClr>
                <a:srgbClr val="EC6602"/>
              </a:buClr>
              <a:buChar char="•"/>
              <a:tabLst/>
              <a:defRPr sz="2000">
                <a:solidFill>
                  <a:schemeClr val="tx1"/>
                </a:solidFill>
                <a:latin typeface="Calibri" panose="020F0502020204030204" pitchFamily="34" charset="0"/>
                <a:ea typeface="+mn-ea"/>
                <a:cs typeface="Arial" pitchFamily="34" charset="0"/>
              </a:defRPr>
            </a:lvl2pPr>
            <a:lvl3pPr marL="540000" indent="-270000" algn="l" rtl="0" eaLnBrk="1" fontAlgn="base" hangingPunct="1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Clr>
                <a:srgbClr val="EC6602"/>
              </a:buClr>
              <a:buChar char="•"/>
              <a:tabLst/>
              <a:defRPr sz="2000">
                <a:solidFill>
                  <a:schemeClr val="tx1"/>
                </a:solidFill>
                <a:latin typeface="Calibri" panose="020F0502020204030204" pitchFamily="34" charset="0"/>
                <a:ea typeface="+mn-ea"/>
                <a:cs typeface="Arial" pitchFamily="34" charset="0"/>
              </a:defRPr>
            </a:lvl3pPr>
            <a:lvl4pPr marL="810000" indent="-270000" algn="l" rtl="0" eaLnBrk="1" fontAlgn="base" hangingPunct="1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Clr>
                <a:srgbClr val="EC6602"/>
              </a:buClr>
              <a:buChar char="•"/>
              <a:tabLst/>
              <a:defRPr sz="2000">
                <a:solidFill>
                  <a:schemeClr val="tx1"/>
                </a:solidFill>
                <a:latin typeface="Calibri" panose="020F0502020204030204" pitchFamily="34" charset="0"/>
                <a:ea typeface="+mn-ea"/>
                <a:cs typeface="Arial" pitchFamily="34" charset="0"/>
              </a:defRPr>
            </a:lvl4pPr>
            <a:lvl5pPr marL="1080000" indent="-270000" algn="l" rtl="0" eaLnBrk="1" fontAlgn="base" hangingPunct="1">
              <a:lnSpc>
                <a:spcPct val="100000"/>
              </a:lnSpc>
              <a:spcBef>
                <a:spcPts val="400"/>
              </a:spcBef>
              <a:spcAft>
                <a:spcPct val="0"/>
              </a:spcAft>
              <a:buClr>
                <a:srgbClr val="EC6602"/>
              </a:buClr>
              <a:buChar char="•"/>
              <a:tabLst/>
              <a:defRPr sz="2000" baseline="0">
                <a:solidFill>
                  <a:schemeClr val="tx1"/>
                </a:solidFill>
                <a:latin typeface="Calibri" panose="020F0502020204030204" pitchFamily="34" charset="0"/>
                <a:ea typeface="+mn-ea"/>
                <a:cs typeface="Arial" pitchFamily="34" charset="0"/>
              </a:defRPr>
            </a:lvl5pPr>
            <a:lvl6pPr marL="12207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779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1351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923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pPr marL="0" marR="0" lvl="0" indent="0" algn="l" defTabSz="914400" rtl="0" eaLnBrk="1" fontAlgn="base" latinLnBrk="0" hangingPunct="1">
              <a:lnSpc>
                <a:spcPct val="80000"/>
              </a:lnSpc>
              <a:spcBef>
                <a:spcPts val="1200"/>
              </a:spcBef>
              <a:spcAft>
                <a:spcPct val="0"/>
              </a:spcAft>
              <a:buClr>
                <a:srgbClr val="EC6602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80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Arial" pitchFamily="34" charset="0"/>
              </a:rPr>
              <a:t>  </a:t>
            </a:r>
            <a:r>
              <a:rPr kumimoji="0" lang="en-US" sz="8000" b="1" i="0" u="none" strike="noStrike" kern="0" cap="none" spc="0" normalizeH="0" baseline="0" noProof="0" dirty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Arial" pitchFamily="34" charset="0"/>
              </a:rPr>
              <a:t>the future </a:t>
            </a:r>
            <a:br>
              <a:rPr kumimoji="0" lang="en-US" sz="8000" b="1" i="0" u="none" strike="noStrike" kern="0" cap="none" spc="0" normalizeH="0" baseline="0" noProof="0" dirty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Arial" pitchFamily="34" charset="0"/>
              </a:rPr>
            </a:br>
            <a:r>
              <a:rPr kumimoji="0" lang="en-US" sz="4400" b="1" i="0" u="none" strike="noStrike" kern="0" cap="none" spc="0" normalizeH="0" baseline="0" noProof="0" dirty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Arial" pitchFamily="34" charset="0"/>
              </a:rPr>
              <a:t>of healthcare together</a:t>
            </a:r>
          </a:p>
        </p:txBody>
      </p:sp>
      <p:grpSp>
        <p:nvGrpSpPr>
          <p:cNvPr id="369" name="Gruppieren 368"/>
          <p:cNvGrpSpPr/>
          <p:nvPr userDrawn="1"/>
        </p:nvGrpSpPr>
        <p:grpSpPr>
          <a:xfrm>
            <a:off x="-381000" y="-377826"/>
            <a:ext cx="12915900" cy="7610481"/>
            <a:chOff x="-381000" y="-377826"/>
            <a:chExt cx="12915900" cy="7610481"/>
          </a:xfrm>
        </p:grpSpPr>
        <p:cxnSp>
          <p:nvCxnSpPr>
            <p:cNvPr id="370" name="Gerade Verbindung 369"/>
            <p:cNvCxnSpPr/>
            <p:nvPr userDrawn="1"/>
          </p:nvCxnSpPr>
          <p:spPr>
            <a:xfrm flipH="1">
              <a:off x="-381000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71" name="Gerade Verbindung 370"/>
            <p:cNvCxnSpPr/>
            <p:nvPr userDrawn="1"/>
          </p:nvCxnSpPr>
          <p:spPr>
            <a:xfrm flipH="1">
              <a:off x="-381000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72" name="Gerade Verbindung 371"/>
            <p:cNvCxnSpPr/>
            <p:nvPr userDrawn="1"/>
          </p:nvCxnSpPr>
          <p:spPr>
            <a:xfrm flipH="1">
              <a:off x="12315825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73" name="Gerade Verbindung 372"/>
            <p:cNvCxnSpPr/>
            <p:nvPr userDrawn="1"/>
          </p:nvCxnSpPr>
          <p:spPr>
            <a:xfrm flipH="1">
              <a:off x="12315825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74" name="Gerade Verbindung 373"/>
            <p:cNvCxnSpPr/>
            <p:nvPr userDrawn="1"/>
          </p:nvCxnSpPr>
          <p:spPr>
            <a:xfrm rot="16200000" flipH="1">
              <a:off x="115331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75" name="Gerade Verbindung 374"/>
            <p:cNvCxnSpPr/>
            <p:nvPr userDrawn="1"/>
          </p:nvCxnSpPr>
          <p:spPr>
            <a:xfrm rot="16200000" flipH="1">
              <a:off x="95138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76" name="Gerade Verbindung 375"/>
            <p:cNvCxnSpPr/>
            <p:nvPr userDrawn="1"/>
          </p:nvCxnSpPr>
          <p:spPr>
            <a:xfrm rot="16200000" flipH="1">
              <a:off x="372160" y="712311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77" name="Gerade Verbindung 376"/>
            <p:cNvCxnSpPr/>
            <p:nvPr userDrawn="1"/>
          </p:nvCxnSpPr>
          <p:spPr>
            <a:xfrm rot="16200000" flipH="1">
              <a:off x="7764463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78" name="Gerade Verbindung 377"/>
            <p:cNvCxnSpPr/>
            <p:nvPr userDrawn="1"/>
          </p:nvCxnSpPr>
          <p:spPr>
            <a:xfrm rot="16200000" flipH="1">
              <a:off x="7907339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79" name="Gerade Verbindung 378"/>
            <p:cNvCxnSpPr/>
            <p:nvPr userDrawn="1"/>
          </p:nvCxnSpPr>
          <p:spPr>
            <a:xfrm rot="16200000" flipH="1">
              <a:off x="5878514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0" name="Gerade Verbindung 379"/>
            <p:cNvCxnSpPr/>
            <p:nvPr userDrawn="1"/>
          </p:nvCxnSpPr>
          <p:spPr>
            <a:xfrm rot="16200000" flipH="1">
              <a:off x="6021390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1" name="Gerade Verbindung 380"/>
            <p:cNvCxnSpPr/>
            <p:nvPr userDrawn="1"/>
          </p:nvCxnSpPr>
          <p:spPr>
            <a:xfrm rot="16200000" flipH="1">
              <a:off x="3997326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2" name="Gerade Verbindung 381"/>
            <p:cNvCxnSpPr/>
            <p:nvPr userDrawn="1"/>
          </p:nvCxnSpPr>
          <p:spPr>
            <a:xfrm rot="16200000" flipH="1">
              <a:off x="4140202" y="712311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3" name="Gerade Verbindung 382"/>
            <p:cNvCxnSpPr/>
            <p:nvPr userDrawn="1"/>
          </p:nvCxnSpPr>
          <p:spPr>
            <a:xfrm rot="16200000" flipH="1">
              <a:off x="115331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4" name="Gerade Verbindung 383"/>
            <p:cNvCxnSpPr/>
            <p:nvPr userDrawn="1"/>
          </p:nvCxnSpPr>
          <p:spPr>
            <a:xfrm rot="16200000" flipH="1">
              <a:off x="95138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5" name="Gerade Verbindung 384"/>
            <p:cNvCxnSpPr/>
            <p:nvPr userDrawn="1"/>
          </p:nvCxnSpPr>
          <p:spPr>
            <a:xfrm rot="16200000" flipH="1">
              <a:off x="372161" y="-2682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6" name="Gerade Verbindung 385"/>
            <p:cNvCxnSpPr/>
            <p:nvPr userDrawn="1"/>
          </p:nvCxnSpPr>
          <p:spPr>
            <a:xfrm rot="16200000" flipH="1">
              <a:off x="7764464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7" name="Gerade Verbindung 386"/>
            <p:cNvCxnSpPr/>
            <p:nvPr userDrawn="1"/>
          </p:nvCxnSpPr>
          <p:spPr>
            <a:xfrm rot="16200000" flipH="1">
              <a:off x="7907340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8" name="Gerade Verbindung 387"/>
            <p:cNvCxnSpPr/>
            <p:nvPr userDrawn="1"/>
          </p:nvCxnSpPr>
          <p:spPr>
            <a:xfrm rot="16200000" flipH="1">
              <a:off x="5878515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9" name="Gerade Verbindung 388"/>
            <p:cNvCxnSpPr/>
            <p:nvPr userDrawn="1"/>
          </p:nvCxnSpPr>
          <p:spPr>
            <a:xfrm rot="16200000" flipH="1">
              <a:off x="6021391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90" name="Gerade Verbindung 389"/>
            <p:cNvCxnSpPr/>
            <p:nvPr userDrawn="1"/>
          </p:nvCxnSpPr>
          <p:spPr>
            <a:xfrm rot="16200000" flipH="1">
              <a:off x="3997327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91" name="Gerade Verbindung 390"/>
            <p:cNvCxnSpPr/>
            <p:nvPr userDrawn="1"/>
          </p:nvCxnSpPr>
          <p:spPr>
            <a:xfrm rot="16200000" flipH="1">
              <a:off x="4140203" y="-26828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92" name="Gerade Verbindung 391"/>
            <p:cNvCxnSpPr/>
            <p:nvPr userDrawn="1"/>
          </p:nvCxnSpPr>
          <p:spPr>
            <a:xfrm flipH="1">
              <a:off x="-381000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93" name="Gerade Verbindung 392"/>
            <p:cNvCxnSpPr/>
            <p:nvPr userDrawn="1"/>
          </p:nvCxnSpPr>
          <p:spPr>
            <a:xfrm flipH="1">
              <a:off x="-381000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94" name="Gerade Verbindung 393"/>
            <p:cNvCxnSpPr/>
            <p:nvPr userDrawn="1"/>
          </p:nvCxnSpPr>
          <p:spPr>
            <a:xfrm flipH="1">
              <a:off x="12315825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95" name="Gerade Verbindung 394"/>
            <p:cNvCxnSpPr/>
            <p:nvPr userDrawn="1"/>
          </p:nvCxnSpPr>
          <p:spPr>
            <a:xfrm flipH="1">
              <a:off x="12315825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96" name="Gerade Verbindung 395"/>
            <p:cNvCxnSpPr/>
            <p:nvPr userDrawn="1"/>
          </p:nvCxnSpPr>
          <p:spPr>
            <a:xfrm flipH="1">
              <a:off x="12315825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97" name="Gerade Verbindung 396"/>
            <p:cNvCxnSpPr/>
            <p:nvPr userDrawn="1"/>
          </p:nvCxnSpPr>
          <p:spPr>
            <a:xfrm flipH="1">
              <a:off x="-381000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83" name="Abgerundetes Rechteck 182"/>
          <p:cNvSpPr/>
          <p:nvPr userDrawn="1"/>
        </p:nvSpPr>
        <p:spPr>
          <a:xfrm>
            <a:off x="12651640" y="6224588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 w="25400" cap="flat" cmpd="sng" algn="ctr">
            <a:noFill/>
            <a:prstDash val="solid"/>
          </a:ln>
          <a:effectLst/>
        </p:spPr>
        <p:txBody>
          <a:bodyPr lIns="72000" tIns="36000" rIns="72000" bIns="36000" rtlCol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Customize </a:t>
            </a:r>
            <a:r>
              <a:rPr kumimoji="0" lang="en-US" sz="1100" b="1" i="0" u="none" strike="noStrike" kern="0" cap="none" spc="0" normalizeH="0" baseline="0" noProof="0" dirty="0">
                <a:ln>
                  <a:noFill/>
                </a:ln>
                <a:solidFill>
                  <a:srgbClr val="2D1E1C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footer</a:t>
            </a: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2D1E1C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 </a:t>
            </a:r>
            <a:b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2D1E1C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</a:b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in the master view</a:t>
            </a:r>
          </a:p>
        </p:txBody>
      </p:sp>
      <p:grpSp>
        <p:nvGrpSpPr>
          <p:cNvPr id="3" name="Gruppieren 2"/>
          <p:cNvGrpSpPr/>
          <p:nvPr userDrawn="1"/>
        </p:nvGrpSpPr>
        <p:grpSpPr bwMode="gray">
          <a:xfrm>
            <a:off x="701" y="796"/>
            <a:ext cx="12197649" cy="1623969"/>
            <a:chOff x="701" y="796"/>
            <a:chExt cx="12197649" cy="1623969"/>
          </a:xfrm>
        </p:grpSpPr>
        <p:sp>
          <p:nvSpPr>
            <p:cNvPr id="184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85" name="Gruppieren 184"/>
            <p:cNvGrpSpPr/>
            <p:nvPr userDrawn="1"/>
          </p:nvGrpSpPr>
          <p:grpSpPr bwMode="gray">
            <a:xfrm>
              <a:off x="481775" y="337455"/>
              <a:ext cx="2815389" cy="662027"/>
              <a:chOff x="481775" y="337455"/>
              <a:chExt cx="2815389" cy="662027"/>
            </a:xfrm>
          </p:grpSpPr>
          <p:sp>
            <p:nvSpPr>
              <p:cNvPr id="186" name="Freihandform 185"/>
              <p:cNvSpPr>
                <a:spLocks noChangeArrowheads="1"/>
              </p:cNvSpPr>
              <p:nvPr/>
            </p:nvSpPr>
            <p:spPr bwMode="gray">
              <a:xfrm>
                <a:off x="2813076" y="444433"/>
                <a:ext cx="484088" cy="476290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87" name="Freihandform 186"/>
              <p:cNvSpPr>
                <a:spLocks noChangeArrowheads="1"/>
              </p:cNvSpPr>
              <p:nvPr/>
            </p:nvSpPr>
            <p:spPr bwMode="gray">
              <a:xfrm>
                <a:off x="1175199" y="337455"/>
                <a:ext cx="1597949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chemeClr val="accent3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88" name="Freihandform 187"/>
              <p:cNvSpPr>
                <a:spLocks noChangeArrowheads="1"/>
              </p:cNvSpPr>
              <p:nvPr/>
            </p:nvSpPr>
            <p:spPr bwMode="gray">
              <a:xfrm>
                <a:off x="481775" y="682626"/>
                <a:ext cx="2292197" cy="316856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chemeClr val="tx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3304369748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14400" y="2130425"/>
            <a:ext cx="10369550" cy="147161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30388" y="3887788"/>
            <a:ext cx="8537575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613" y="4408488"/>
            <a:ext cx="10367962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613" y="2906713"/>
            <a:ext cx="10367962" cy="1501775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09600" y="1600200"/>
            <a:ext cx="5413375" cy="45275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75375" y="1600200"/>
            <a:ext cx="5413375" cy="45275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535113"/>
            <a:ext cx="5389563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9563" cy="395287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6013" y="1535113"/>
            <a:ext cx="5392737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6013" y="2174875"/>
            <a:ext cx="5392737" cy="395287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273050"/>
            <a:ext cx="4013200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768850" y="273050"/>
            <a:ext cx="6819900" cy="5854700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0" y="1435100"/>
            <a:ext cx="4013200" cy="4692650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390775" y="4802188"/>
            <a:ext cx="7319963" cy="566737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390775" y="612775"/>
            <a:ext cx="7319963" cy="4116388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2390775" y="5368925"/>
            <a:ext cx="7319963" cy="8048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843963" y="274638"/>
            <a:ext cx="2744787" cy="5853112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09600" y="274638"/>
            <a:ext cx="8081963" cy="5853112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nical Pictures, Title/Content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600" y="1630363"/>
            <a:ext cx="11160125" cy="2308324"/>
          </a:xfrm>
        </p:spPr>
        <p:txBody>
          <a:bodyPr>
            <a:spAutoFit/>
          </a:bodyPr>
          <a:lstStyle/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6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wrap="square" anchor="b">
            <a:spAutoFit/>
          </a:bodyPr>
          <a:lstStyle>
            <a:lvl1pPr>
              <a:defRPr sz="1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10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1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12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4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15" name="Picture 20"/>
              <p:cNvPicPr>
                <a:picLocks noChangeAspect="1" noChangeArrowheads="1"/>
              </p:cNvPicPr>
              <p:nvPr/>
            </p:nvPicPr>
            <p:blipFill rotWithShape="1">
              <a:blip r:embed="rId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403484840"/>
      </p:ext>
    </p:extLst>
  </p:cSld>
  <p:clrMapOvr>
    <a:masterClrMapping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nical Pictures, Title/Content/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600" y="1630363"/>
            <a:ext cx="5508625" cy="2308324"/>
          </a:xfrm>
        </p:spPr>
        <p:txBody>
          <a:bodyPr wrap="square">
            <a:spAutoFit/>
          </a:bodyPr>
          <a:lstStyle/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1" hasCustomPrompt="1"/>
          </p:nvPr>
        </p:nvSpPr>
        <p:spPr>
          <a:xfrm>
            <a:off x="6134100" y="1630363"/>
            <a:ext cx="5508625" cy="4678362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/>
              <a:t>Image</a:t>
            </a:r>
          </a:p>
        </p:txBody>
      </p:sp>
      <p:sp>
        <p:nvSpPr>
          <p:cNvPr id="6" name="Textplatzhalter 3"/>
          <p:cNvSpPr>
            <a:spLocks noGrp="1"/>
          </p:cNvSpPr>
          <p:nvPr>
            <p:ph type="body" sz="quarter" idx="12" hasCustomPrompt="1"/>
          </p:nvPr>
        </p:nvSpPr>
        <p:spPr>
          <a:xfrm>
            <a:off x="482600" y="6597650"/>
            <a:ext cx="5508625" cy="153888"/>
          </a:xfrm>
        </p:spPr>
        <p:txBody>
          <a:bodyPr wrap="square" anchor="b">
            <a:spAutoFit/>
          </a:bodyPr>
          <a:lstStyle>
            <a:lvl1pPr>
              <a:defRPr sz="1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11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12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14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5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16" name="Picture 20"/>
              <p:cNvPicPr>
                <a:picLocks noChangeAspect="1" noChangeArrowheads="1"/>
              </p:cNvPicPr>
              <p:nvPr/>
            </p:nvPicPr>
            <p:blipFill rotWithShape="1">
              <a:blip r:embed="rId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378376411"/>
      </p:ext>
    </p:extLst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nical Pictures, Only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wrap="square" anchor="b">
            <a:spAutoFit/>
          </a:bodyPr>
          <a:lstStyle>
            <a:lvl1pPr>
              <a:defRPr sz="1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9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10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11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2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13" name="Picture 20"/>
              <p:cNvPicPr>
                <a:picLocks noChangeAspect="1" noChangeArrowheads="1"/>
              </p:cNvPicPr>
              <p:nvPr/>
            </p:nvPicPr>
            <p:blipFill rotWithShape="1">
              <a:blip r:embed="rId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2280856743"/>
      </p:ext>
    </p:extLst>
  </p:cSld>
  <p:clrMapOvr>
    <a:masterClrMapping/>
  </p:clrMapOvr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nical Pictures High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77537683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9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2" name="Freeform 5"/>
          <p:cNvSpPr>
            <a:spLocks/>
          </p:cNvSpPr>
          <p:nvPr userDrawn="1"/>
        </p:nvSpPr>
        <p:spPr bwMode="auto">
          <a:xfrm>
            <a:off x="6134101" y="1"/>
            <a:ext cx="6067904" cy="6308725"/>
          </a:xfrm>
          <a:custGeom>
            <a:avLst/>
            <a:gdLst/>
            <a:ahLst/>
            <a:cxnLst/>
            <a:rect l="l" t="t" r="r" b="b"/>
            <a:pathLst>
              <a:path w="6067904" h="6308725">
                <a:moveTo>
                  <a:pt x="1469845" y="0"/>
                </a:moveTo>
                <a:lnTo>
                  <a:pt x="6067904" y="0"/>
                </a:lnTo>
                <a:lnTo>
                  <a:pt x="6067904" y="6308725"/>
                </a:lnTo>
                <a:lnTo>
                  <a:pt x="658806" y="6308725"/>
                </a:lnTo>
                <a:lnTo>
                  <a:pt x="626282" y="6248400"/>
                </a:lnTo>
                <a:lnTo>
                  <a:pt x="578352" y="6156325"/>
                </a:lnTo>
                <a:lnTo>
                  <a:pt x="533618" y="6064250"/>
                </a:lnTo>
                <a:lnTo>
                  <a:pt x="488883" y="5972175"/>
                </a:lnTo>
                <a:lnTo>
                  <a:pt x="447344" y="5876925"/>
                </a:lnTo>
                <a:lnTo>
                  <a:pt x="405805" y="5781675"/>
                </a:lnTo>
                <a:lnTo>
                  <a:pt x="367462" y="5686425"/>
                </a:lnTo>
                <a:lnTo>
                  <a:pt x="332313" y="5588000"/>
                </a:lnTo>
                <a:lnTo>
                  <a:pt x="297165" y="5492750"/>
                </a:lnTo>
                <a:lnTo>
                  <a:pt x="265211" y="5391150"/>
                </a:lnTo>
                <a:lnTo>
                  <a:pt x="233258" y="5292725"/>
                </a:lnTo>
                <a:lnTo>
                  <a:pt x="204500" y="5194300"/>
                </a:lnTo>
                <a:lnTo>
                  <a:pt x="175743" y="5092700"/>
                </a:lnTo>
                <a:lnTo>
                  <a:pt x="150180" y="4991100"/>
                </a:lnTo>
                <a:lnTo>
                  <a:pt x="127813" y="4889500"/>
                </a:lnTo>
                <a:lnTo>
                  <a:pt x="105446" y="4784725"/>
                </a:lnTo>
                <a:lnTo>
                  <a:pt x="86274" y="4679950"/>
                </a:lnTo>
                <a:lnTo>
                  <a:pt x="70297" y="4575175"/>
                </a:lnTo>
                <a:lnTo>
                  <a:pt x="54321" y="4470400"/>
                </a:lnTo>
                <a:lnTo>
                  <a:pt x="38344" y="4365625"/>
                </a:lnTo>
                <a:lnTo>
                  <a:pt x="28758" y="4257675"/>
                </a:lnTo>
                <a:lnTo>
                  <a:pt x="19172" y="4152900"/>
                </a:lnTo>
                <a:lnTo>
                  <a:pt x="12782" y="4044950"/>
                </a:lnTo>
                <a:lnTo>
                  <a:pt x="6391" y="3937000"/>
                </a:lnTo>
                <a:lnTo>
                  <a:pt x="3196" y="3825875"/>
                </a:lnTo>
                <a:lnTo>
                  <a:pt x="0" y="3717925"/>
                </a:lnTo>
                <a:lnTo>
                  <a:pt x="3196" y="3584575"/>
                </a:lnTo>
                <a:lnTo>
                  <a:pt x="9586" y="3451225"/>
                </a:lnTo>
                <a:lnTo>
                  <a:pt x="15977" y="3317875"/>
                </a:lnTo>
                <a:lnTo>
                  <a:pt x="28758" y="3184525"/>
                </a:lnTo>
                <a:lnTo>
                  <a:pt x="41539" y="3054350"/>
                </a:lnTo>
                <a:lnTo>
                  <a:pt x="57516" y="2924175"/>
                </a:lnTo>
                <a:lnTo>
                  <a:pt x="79883" y="2797175"/>
                </a:lnTo>
                <a:lnTo>
                  <a:pt x="102250" y="2667000"/>
                </a:lnTo>
                <a:lnTo>
                  <a:pt x="127813" y="2540000"/>
                </a:lnTo>
                <a:lnTo>
                  <a:pt x="159766" y="2416175"/>
                </a:lnTo>
                <a:lnTo>
                  <a:pt x="191719" y="2292350"/>
                </a:lnTo>
                <a:lnTo>
                  <a:pt x="226868" y="2168525"/>
                </a:lnTo>
                <a:lnTo>
                  <a:pt x="265211" y="2044700"/>
                </a:lnTo>
                <a:lnTo>
                  <a:pt x="303555" y="1924050"/>
                </a:lnTo>
                <a:lnTo>
                  <a:pt x="348290" y="1803400"/>
                </a:lnTo>
                <a:lnTo>
                  <a:pt x="393024" y="1685925"/>
                </a:lnTo>
                <a:lnTo>
                  <a:pt x="444149" y="1568450"/>
                </a:lnTo>
                <a:lnTo>
                  <a:pt x="495274" y="1454150"/>
                </a:lnTo>
                <a:lnTo>
                  <a:pt x="549594" y="1339850"/>
                </a:lnTo>
                <a:lnTo>
                  <a:pt x="591712" y="1251226"/>
                </a:lnTo>
                <a:cubicBezTo>
                  <a:pt x="2831396" y="1180690"/>
                  <a:pt x="4853866" y="1156552"/>
                  <a:pt x="6064249" y="1151074"/>
                </a:cubicBezTo>
                <a:lnTo>
                  <a:pt x="6064249" y="795"/>
                </a:lnTo>
                <a:lnTo>
                  <a:pt x="1468319" y="1691"/>
                </a:lnTo>
                <a:close/>
              </a:path>
            </a:pathLst>
          </a:custGeom>
          <a:solidFill>
            <a:srgbClr val="6E6868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eaLnBrk="1"/>
            <a:endParaRPr lang="en-US" dirty="0"/>
          </a:p>
        </p:txBody>
      </p:sp>
      <p:sp>
        <p:nvSpPr>
          <p:cNvPr id="115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wrap="square" anchor="b">
            <a:spAutoFit/>
          </a:bodyPr>
          <a:lstStyle>
            <a:lvl1pPr>
              <a:defRPr sz="1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Footnote | Source | Disclaimer</a:t>
            </a:r>
          </a:p>
        </p:txBody>
      </p:sp>
      <p:sp>
        <p:nvSpPr>
          <p:cNvPr id="10" name="Textplatzhalter 9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6743701" y="1628775"/>
            <a:ext cx="4881944" cy="1405513"/>
          </a:xfrm>
        </p:spPr>
        <p:txBody>
          <a:bodyPr wrap="square">
            <a:spAutoFit/>
          </a:bodyPr>
          <a:lstStyle>
            <a:lvl1pPr>
              <a:defRPr sz="2600"/>
            </a:lvl1pPr>
            <a:lvl2pPr>
              <a:buClr>
                <a:schemeClr val="tx1"/>
              </a:buClr>
              <a:defRPr sz="2600"/>
            </a:lvl2pPr>
            <a:lvl3pPr>
              <a:buClr>
                <a:schemeClr val="tx1"/>
              </a:buClr>
              <a:defRPr sz="26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</p:txBody>
      </p:sp>
      <p:grpSp>
        <p:nvGrpSpPr>
          <p:cNvPr id="3" name="Gruppieren 2"/>
          <p:cNvGrpSpPr/>
          <p:nvPr userDrawn="1"/>
        </p:nvGrpSpPr>
        <p:grpSpPr bwMode="ltGray">
          <a:xfrm>
            <a:off x="0" y="796"/>
            <a:ext cx="12198350" cy="1624807"/>
            <a:chOff x="0" y="796"/>
            <a:chExt cx="12198350" cy="1624807"/>
          </a:xfrm>
        </p:grpSpPr>
        <p:sp>
          <p:nvSpPr>
            <p:cNvPr id="28" name="Freeform 11"/>
            <p:cNvSpPr>
              <a:spLocks/>
            </p:cNvSpPr>
            <p:nvPr userDrawn="1"/>
          </p:nvSpPr>
          <p:spPr bwMode="ltGray">
            <a:xfrm>
              <a:off x="0" y="796"/>
              <a:ext cx="12198350" cy="1623752"/>
            </a:xfrm>
            <a:custGeom>
              <a:avLst/>
              <a:gdLst/>
              <a:ahLst/>
              <a:cxnLst/>
              <a:rect l="l" t="t" r="r" b="b"/>
              <a:pathLst>
                <a:path w="12198350" h="1623752">
                  <a:moveTo>
                    <a:pt x="12198350" y="0"/>
                  </a:moveTo>
                  <a:lnTo>
                    <a:pt x="12198350" y="1150279"/>
                  </a:lnTo>
                  <a:cubicBezTo>
                    <a:pt x="9787888" y="1161188"/>
                    <a:pt x="4156679" y="1246105"/>
                    <a:pt x="3175" y="1623752"/>
                  </a:cubicBezTo>
                  <a:lnTo>
                    <a:pt x="3175" y="1427954"/>
                  </a:lnTo>
                  <a:lnTo>
                    <a:pt x="0" y="1427954"/>
                  </a:lnTo>
                  <a:lnTo>
                    <a:pt x="0" y="2379"/>
                  </a:lnTo>
                  <a:close/>
                </a:path>
              </a:pathLst>
            </a:custGeom>
            <a:solidFill>
              <a:srgbClr val="040404">
                <a:alpha val="96078"/>
              </a:srgbClr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82" name="Gruppierung 140"/>
            <p:cNvGrpSpPr>
              <a:grpSpLocks noChangeAspect="1"/>
            </p:cNvGrpSpPr>
            <p:nvPr userDrawn="1"/>
          </p:nvGrpSpPr>
          <p:grpSpPr bwMode="ltGray">
            <a:xfrm>
              <a:off x="10291931" y="341313"/>
              <a:ext cx="1638132" cy="385201"/>
              <a:chOff x="6613648" y="2453653"/>
              <a:chExt cx="2815390" cy="662028"/>
            </a:xfrm>
            <a:solidFill>
              <a:schemeClr val="tx1"/>
            </a:solidFill>
          </p:grpSpPr>
          <p:sp>
            <p:nvSpPr>
              <p:cNvPr id="183" name="Freihandform 182"/>
              <p:cNvSpPr>
                <a:spLocks noChangeAspect="1" noChangeArrowheads="1"/>
              </p:cNvSpPr>
              <p:nvPr/>
            </p:nvSpPr>
            <p:spPr bwMode="lt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grpFill/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84" name="Freihandform 183"/>
              <p:cNvSpPr>
                <a:spLocks noChangeAspect="1" noChangeArrowheads="1"/>
              </p:cNvSpPr>
              <p:nvPr/>
            </p:nvSpPr>
            <p:spPr bwMode="lt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grpFill/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85" name="Freihandform 184"/>
              <p:cNvSpPr>
                <a:spLocks noChangeAspect="1" noChangeArrowheads="1"/>
              </p:cNvSpPr>
              <p:nvPr/>
            </p:nvSpPr>
            <p:spPr bwMode="lt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grpFill/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  <p:sp>
          <p:nvSpPr>
            <p:cNvPr id="29" name="Freeform 11"/>
            <p:cNvSpPr>
              <a:spLocks/>
            </p:cNvSpPr>
            <p:nvPr userDrawn="1"/>
          </p:nvSpPr>
          <p:spPr bwMode="ltGray">
            <a:xfrm>
              <a:off x="3175" y="1151075"/>
              <a:ext cx="12195175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19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0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1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7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0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3900703419"/>
      </p:ext>
    </p:extLst>
  </p:cSld>
  <p:clrMapOvr>
    <a:masterClrMapping/>
  </p:clrMapOvr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nical Pictures, COF Clin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6854579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">
                  <p:embed/>
                </p:oleObj>
              </mc:Choice>
              <mc:Fallback>
                <p:oleObj name="think-cell Folie" r:id="rId5" imgW="270" imgH="270" progId="">
                  <p:embed/>
                  <p:pic>
                    <p:nvPicPr>
                      <p:cNvPr id="0" name="Picture 17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7" name="Freeform 5"/>
          <p:cNvSpPr>
            <a:spLocks/>
          </p:cNvSpPr>
          <p:nvPr userDrawn="1"/>
        </p:nvSpPr>
        <p:spPr bwMode="auto">
          <a:xfrm>
            <a:off x="6134101" y="1"/>
            <a:ext cx="6067904" cy="6308725"/>
          </a:xfrm>
          <a:custGeom>
            <a:avLst/>
            <a:gdLst/>
            <a:ahLst/>
            <a:cxnLst/>
            <a:rect l="l" t="t" r="r" b="b"/>
            <a:pathLst>
              <a:path w="6029325" h="6308725">
                <a:moveTo>
                  <a:pt x="1460500" y="0"/>
                </a:moveTo>
                <a:lnTo>
                  <a:pt x="6029325" y="0"/>
                </a:lnTo>
                <a:lnTo>
                  <a:pt x="6029325" y="6308725"/>
                </a:lnTo>
                <a:lnTo>
                  <a:pt x="654617" y="6308725"/>
                </a:lnTo>
                <a:lnTo>
                  <a:pt x="622300" y="6248400"/>
                </a:lnTo>
                <a:lnTo>
                  <a:pt x="574675" y="6156325"/>
                </a:lnTo>
                <a:lnTo>
                  <a:pt x="530225" y="6064250"/>
                </a:lnTo>
                <a:lnTo>
                  <a:pt x="485775" y="5972175"/>
                </a:lnTo>
                <a:lnTo>
                  <a:pt x="444500" y="5876925"/>
                </a:lnTo>
                <a:lnTo>
                  <a:pt x="403225" y="5781675"/>
                </a:lnTo>
                <a:lnTo>
                  <a:pt x="365125" y="5686425"/>
                </a:lnTo>
                <a:lnTo>
                  <a:pt x="330200" y="5588000"/>
                </a:lnTo>
                <a:lnTo>
                  <a:pt x="295275" y="5492750"/>
                </a:lnTo>
                <a:lnTo>
                  <a:pt x="263525" y="5391150"/>
                </a:lnTo>
                <a:lnTo>
                  <a:pt x="231775" y="5292725"/>
                </a:lnTo>
                <a:lnTo>
                  <a:pt x="203200" y="5194300"/>
                </a:lnTo>
                <a:lnTo>
                  <a:pt x="174625" y="5092700"/>
                </a:lnTo>
                <a:lnTo>
                  <a:pt x="149225" y="4991100"/>
                </a:lnTo>
                <a:lnTo>
                  <a:pt x="127000" y="4889500"/>
                </a:lnTo>
                <a:lnTo>
                  <a:pt x="104775" y="4784725"/>
                </a:lnTo>
                <a:lnTo>
                  <a:pt x="85725" y="4679950"/>
                </a:lnTo>
                <a:lnTo>
                  <a:pt x="69850" y="4575175"/>
                </a:lnTo>
                <a:lnTo>
                  <a:pt x="53975" y="4470400"/>
                </a:lnTo>
                <a:lnTo>
                  <a:pt x="38100" y="4365625"/>
                </a:lnTo>
                <a:lnTo>
                  <a:pt x="28575" y="4257675"/>
                </a:lnTo>
                <a:lnTo>
                  <a:pt x="19050" y="4152900"/>
                </a:lnTo>
                <a:lnTo>
                  <a:pt x="12700" y="4044950"/>
                </a:lnTo>
                <a:lnTo>
                  <a:pt x="6350" y="3937000"/>
                </a:lnTo>
                <a:lnTo>
                  <a:pt x="3175" y="3825875"/>
                </a:lnTo>
                <a:lnTo>
                  <a:pt x="0" y="3717925"/>
                </a:lnTo>
                <a:lnTo>
                  <a:pt x="3175" y="3584575"/>
                </a:lnTo>
                <a:lnTo>
                  <a:pt x="9525" y="3451225"/>
                </a:lnTo>
                <a:lnTo>
                  <a:pt x="15875" y="3317875"/>
                </a:lnTo>
                <a:lnTo>
                  <a:pt x="28575" y="3184525"/>
                </a:lnTo>
                <a:lnTo>
                  <a:pt x="41275" y="3054350"/>
                </a:lnTo>
                <a:lnTo>
                  <a:pt x="57150" y="2924175"/>
                </a:lnTo>
                <a:lnTo>
                  <a:pt x="79375" y="2797175"/>
                </a:lnTo>
                <a:lnTo>
                  <a:pt x="101600" y="2667000"/>
                </a:lnTo>
                <a:lnTo>
                  <a:pt x="127000" y="2540000"/>
                </a:lnTo>
                <a:lnTo>
                  <a:pt x="158750" y="2416175"/>
                </a:lnTo>
                <a:lnTo>
                  <a:pt x="190500" y="2292350"/>
                </a:lnTo>
                <a:lnTo>
                  <a:pt x="225425" y="2168525"/>
                </a:lnTo>
                <a:lnTo>
                  <a:pt x="263525" y="2044700"/>
                </a:lnTo>
                <a:lnTo>
                  <a:pt x="301625" y="1924050"/>
                </a:lnTo>
                <a:lnTo>
                  <a:pt x="346075" y="1803400"/>
                </a:lnTo>
                <a:lnTo>
                  <a:pt x="390525" y="1685925"/>
                </a:lnTo>
                <a:lnTo>
                  <a:pt x="441325" y="1568450"/>
                </a:lnTo>
                <a:lnTo>
                  <a:pt x="492125" y="1454150"/>
                </a:lnTo>
                <a:lnTo>
                  <a:pt x="546100" y="1339850"/>
                </a:lnTo>
                <a:lnTo>
                  <a:pt x="600075" y="1225550"/>
                </a:lnTo>
                <a:lnTo>
                  <a:pt x="660400" y="1114425"/>
                </a:lnTo>
                <a:lnTo>
                  <a:pt x="720725" y="1006475"/>
                </a:lnTo>
                <a:lnTo>
                  <a:pt x="784225" y="895350"/>
                </a:lnTo>
                <a:lnTo>
                  <a:pt x="850900" y="790575"/>
                </a:lnTo>
                <a:lnTo>
                  <a:pt x="917575" y="685800"/>
                </a:lnTo>
                <a:lnTo>
                  <a:pt x="990600" y="581025"/>
                </a:lnTo>
                <a:lnTo>
                  <a:pt x="1063625" y="479425"/>
                </a:lnTo>
                <a:lnTo>
                  <a:pt x="1136650" y="381000"/>
                </a:lnTo>
                <a:lnTo>
                  <a:pt x="1216025" y="282575"/>
                </a:lnTo>
                <a:lnTo>
                  <a:pt x="1295400" y="187325"/>
                </a:lnTo>
                <a:lnTo>
                  <a:pt x="1377950" y="92075"/>
                </a:lnTo>
                <a:close/>
              </a:path>
            </a:pathLst>
          </a:custGeom>
          <a:solidFill>
            <a:srgbClr val="6E6868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eaLnBrk="1"/>
            <a:endParaRPr lang="en-US" dirty="0"/>
          </a:p>
        </p:txBody>
      </p:sp>
      <p:sp>
        <p:nvSpPr>
          <p:cNvPr id="115" name="Textplatzhalter 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wrap="square" anchor="b">
            <a:spAutoFit/>
          </a:bodyPr>
          <a:lstStyle>
            <a:lvl1pPr>
              <a:defRPr sz="1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Footnote | Source | Disclaimer</a:t>
            </a:r>
          </a:p>
        </p:txBody>
      </p:sp>
      <p:sp>
        <p:nvSpPr>
          <p:cNvPr id="10" name="Textplatzhalter 9"/>
          <p:cNvSpPr>
            <a:spLocks noGrp="1"/>
          </p:cNvSpPr>
          <p:nvPr userDrawn="1">
            <p:ph type="body" sz="quarter" idx="12" hasCustomPrompt="1"/>
          </p:nvPr>
        </p:nvSpPr>
        <p:spPr>
          <a:xfrm>
            <a:off x="7877175" y="1628775"/>
            <a:ext cx="3749675" cy="1128514"/>
          </a:xfrm>
        </p:spPr>
        <p:txBody>
          <a:bodyPr>
            <a:spAutoFit/>
          </a:bodyPr>
          <a:lstStyle>
            <a:lvl1pPr>
              <a:defRPr sz="2000"/>
            </a:lvl1pPr>
            <a:lvl2pPr>
              <a:buClr>
                <a:schemeClr val="tx1"/>
              </a:buClr>
              <a:defRPr sz="2000"/>
            </a:lvl2pPr>
            <a:lvl3pPr>
              <a:buClr>
                <a:schemeClr val="tx1"/>
              </a:buCl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</p:txBody>
      </p:sp>
      <p:sp>
        <p:nvSpPr>
          <p:cNvPr id="112" name="Textplatzhalter 9"/>
          <p:cNvSpPr>
            <a:spLocks noGrp="1"/>
          </p:cNvSpPr>
          <p:nvPr userDrawn="1">
            <p:ph type="body" sz="quarter" idx="14" hasCustomPrompt="1"/>
          </p:nvPr>
        </p:nvSpPr>
        <p:spPr>
          <a:xfrm>
            <a:off x="7877175" y="3139282"/>
            <a:ext cx="3749675" cy="1128514"/>
          </a:xfrm>
        </p:spPr>
        <p:txBody>
          <a:bodyPr>
            <a:spAutoFit/>
          </a:bodyPr>
          <a:lstStyle>
            <a:lvl1pPr>
              <a:defRPr sz="2000"/>
            </a:lvl1pPr>
            <a:lvl2pPr>
              <a:buClr>
                <a:schemeClr val="tx1"/>
              </a:buClr>
              <a:defRPr sz="2000"/>
            </a:lvl2pPr>
            <a:lvl3pPr>
              <a:buClr>
                <a:schemeClr val="tx1"/>
              </a:buCl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</p:txBody>
      </p:sp>
      <p:sp>
        <p:nvSpPr>
          <p:cNvPr id="114" name="Textplatzhalter 9"/>
          <p:cNvSpPr>
            <a:spLocks noGrp="1"/>
          </p:cNvSpPr>
          <p:nvPr userDrawn="1">
            <p:ph type="body" sz="quarter" idx="16" hasCustomPrompt="1"/>
          </p:nvPr>
        </p:nvSpPr>
        <p:spPr>
          <a:xfrm>
            <a:off x="7877175" y="4649788"/>
            <a:ext cx="3749675" cy="1128514"/>
          </a:xfrm>
        </p:spPr>
        <p:txBody>
          <a:bodyPr>
            <a:spAutoFit/>
          </a:bodyPr>
          <a:lstStyle>
            <a:lvl1pPr>
              <a:defRPr sz="2000"/>
            </a:lvl1pPr>
            <a:lvl2pPr>
              <a:buClr>
                <a:schemeClr val="tx1"/>
              </a:buClr>
              <a:defRPr sz="2000"/>
            </a:lvl2pPr>
            <a:lvl3pPr>
              <a:buClr>
                <a:schemeClr val="tx1"/>
              </a:buClr>
              <a:defRPr sz="2000"/>
            </a:lvl3pPr>
            <a:lvl4pPr>
              <a:defRPr sz="2000"/>
            </a:lvl4pPr>
            <a:lvl5pPr>
              <a:defRPr sz="2000"/>
            </a:lvl5pPr>
          </a:lstStyle>
          <a:p>
            <a:pPr lvl="0"/>
            <a:r>
              <a:rPr lang="en-US" noProof="0" dirty="0"/>
              <a:t>Subhead, Calibri, 20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</p:txBody>
      </p:sp>
      <p:grpSp>
        <p:nvGrpSpPr>
          <p:cNvPr id="3" name="Gruppieren 2"/>
          <p:cNvGrpSpPr/>
          <p:nvPr userDrawn="1"/>
        </p:nvGrpSpPr>
        <p:grpSpPr bwMode="ltGray">
          <a:xfrm>
            <a:off x="0" y="796"/>
            <a:ext cx="12198350" cy="1624807"/>
            <a:chOff x="0" y="796"/>
            <a:chExt cx="12198350" cy="1624807"/>
          </a:xfrm>
        </p:grpSpPr>
        <p:sp>
          <p:nvSpPr>
            <p:cNvPr id="119" name="Freeform 11"/>
            <p:cNvSpPr>
              <a:spLocks/>
            </p:cNvSpPr>
            <p:nvPr userDrawn="1"/>
          </p:nvSpPr>
          <p:spPr bwMode="ltGray">
            <a:xfrm>
              <a:off x="0" y="796"/>
              <a:ext cx="12198350" cy="1624031"/>
            </a:xfrm>
            <a:custGeom>
              <a:avLst/>
              <a:gdLst/>
              <a:ahLst/>
              <a:cxnLst/>
              <a:rect l="l" t="t" r="r" b="b"/>
              <a:pathLst>
                <a:path w="12198350" h="1624031">
                  <a:moveTo>
                    <a:pt x="12198350" y="0"/>
                  </a:moveTo>
                  <a:lnTo>
                    <a:pt x="12198350" y="1150279"/>
                  </a:lnTo>
                  <a:cubicBezTo>
                    <a:pt x="9787274" y="1161191"/>
                    <a:pt x="4153809" y="1246148"/>
                    <a:pt x="0" y="1624031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rgbClr val="040404">
                <a:alpha val="96078"/>
              </a:srgbClr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  <p:grpSp>
          <p:nvGrpSpPr>
            <p:cNvPr id="182" name="Gruppierung 140"/>
            <p:cNvGrpSpPr>
              <a:grpSpLocks noChangeAspect="1"/>
            </p:cNvGrpSpPr>
            <p:nvPr userDrawn="1"/>
          </p:nvGrpSpPr>
          <p:grpSpPr bwMode="ltGray">
            <a:xfrm>
              <a:off x="10291931" y="341313"/>
              <a:ext cx="1638132" cy="385201"/>
              <a:chOff x="6613648" y="2453653"/>
              <a:chExt cx="2815390" cy="662028"/>
            </a:xfrm>
            <a:solidFill>
              <a:schemeClr val="tx1"/>
            </a:solidFill>
          </p:grpSpPr>
          <p:sp>
            <p:nvSpPr>
              <p:cNvPr id="183" name="Freihandform 182"/>
              <p:cNvSpPr>
                <a:spLocks noChangeAspect="1" noChangeArrowheads="1"/>
              </p:cNvSpPr>
              <p:nvPr/>
            </p:nvSpPr>
            <p:spPr bwMode="lt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grpFill/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100" b="0" i="0" u="none" strike="noStrike" kern="0" cap="none" spc="0" normalizeH="0" baseline="0" noProof="0" dirty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  <a:latin typeface="Calibri"/>
                    <a:ea typeface=""/>
                    <a:cs typeface=""/>
                  </a:rPr>
                  <a:t> </a:t>
                </a:r>
              </a:p>
            </p:txBody>
          </p:sp>
          <p:sp>
            <p:nvSpPr>
              <p:cNvPr id="184" name="Freihandform 183"/>
              <p:cNvSpPr>
                <a:spLocks noChangeAspect="1" noChangeArrowheads="1"/>
              </p:cNvSpPr>
              <p:nvPr/>
            </p:nvSpPr>
            <p:spPr bwMode="lt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grpFill/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  <p:sp>
            <p:nvSpPr>
              <p:cNvPr id="185" name="Freihandform 184"/>
              <p:cNvSpPr>
                <a:spLocks noChangeAspect="1" noChangeArrowheads="1"/>
              </p:cNvSpPr>
              <p:nvPr/>
            </p:nvSpPr>
            <p:spPr bwMode="lt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grpFill/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1088959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endParaRPr>
              </a:p>
            </p:txBody>
          </p:sp>
        </p:grpSp>
        <p:sp>
          <p:nvSpPr>
            <p:cNvPr id="121" name="Freeform 11"/>
            <p:cNvSpPr>
              <a:spLocks/>
            </p:cNvSpPr>
            <p:nvPr userDrawn="1"/>
          </p:nvSpPr>
          <p:spPr bwMode="ltGray">
            <a:xfrm>
              <a:off x="0" y="1151075"/>
              <a:ext cx="12198350" cy="474528"/>
            </a:xfrm>
            <a:custGeom>
              <a:avLst/>
              <a:gdLst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4" fmla="*/ 93792 w 12207175"/>
                <a:gd name="connsiteY4" fmla="*/ 93820 h 1624807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2352 w 12207175"/>
                <a:gd name="connsiteY0" fmla="*/ 4126 h 1626553"/>
                <a:gd name="connsiteX1" fmla="*/ 31685 w 12207175"/>
                <a:gd name="connsiteY1" fmla="*/ 0 h 1626553"/>
                <a:gd name="connsiteX2" fmla="*/ 12207175 w 12207175"/>
                <a:gd name="connsiteY2" fmla="*/ 1746 h 1626553"/>
                <a:gd name="connsiteX3" fmla="*/ 12207175 w 12207175"/>
                <a:gd name="connsiteY3" fmla="*/ 1152025 h 1626553"/>
                <a:gd name="connsiteX4" fmla="*/ 0 w 12207175"/>
                <a:gd name="connsiteY4" fmla="*/ 1626553 h 1626553"/>
                <a:gd name="connsiteX0" fmla="*/ 2352 w 12207175"/>
                <a:gd name="connsiteY0" fmla="*/ 2380 h 1624807"/>
                <a:gd name="connsiteX1" fmla="*/ 12207175 w 12207175"/>
                <a:gd name="connsiteY1" fmla="*/ 0 h 1624807"/>
                <a:gd name="connsiteX2" fmla="*/ 12207175 w 12207175"/>
                <a:gd name="connsiteY2" fmla="*/ 1150279 h 1624807"/>
                <a:gd name="connsiteX3" fmla="*/ 0 w 12207175"/>
                <a:gd name="connsiteY3" fmla="*/ 1624807 h 1624807"/>
                <a:gd name="connsiteX0" fmla="*/ 12207175 w 12207175"/>
                <a:gd name="connsiteY0" fmla="*/ 0 h 1624807"/>
                <a:gd name="connsiteX1" fmla="*/ 12207175 w 12207175"/>
                <a:gd name="connsiteY1" fmla="*/ 1150279 h 1624807"/>
                <a:gd name="connsiteX2" fmla="*/ 0 w 12207175"/>
                <a:gd name="connsiteY2" fmla="*/ 1624807 h 1624807"/>
                <a:gd name="connsiteX0" fmla="*/ 12207175 w 12207175"/>
                <a:gd name="connsiteY0" fmla="*/ 0 h 474528"/>
                <a:gd name="connsiteX1" fmla="*/ 0 w 12207175"/>
                <a:gd name="connsiteY1" fmla="*/ 474528 h 47452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2207175" h="474528">
                  <a:moveTo>
                    <a:pt x="12207175" y="0"/>
                  </a:moveTo>
                  <a:cubicBezTo>
                    <a:pt x="9794392" y="10920"/>
                    <a:pt x="4154653" y="95989"/>
                    <a:pt x="0" y="474528"/>
                  </a:cubicBezTo>
                </a:path>
              </a:pathLst>
            </a:custGeom>
            <a:noFill/>
            <a:ln w="9525">
              <a:solidFill>
                <a:srgbClr val="F9B591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eaLnBrk="1"/>
              <a:endParaRPr lang="en-US" dirty="0">
                <a:solidFill>
                  <a:srgbClr val="5F5656"/>
                </a:solidFill>
                <a:latin typeface="Calibri" panose="020F0502020204030204" pitchFamily="34" charset="0"/>
              </a:endParaRPr>
            </a:p>
          </p:txBody>
        </p: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/>
        <p:txBody>
          <a:bodyPr/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grpSp>
        <p:nvGrpSpPr>
          <p:cNvPr id="21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27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28" name="Gruppieren 11"/>
            <p:cNvGrpSpPr/>
            <p:nvPr userDrawn="1">
              <p:custDataLst>
                <p:tags r:id="rId3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29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30" name="Picture 20"/>
              <p:cNvPicPr>
                <a:picLocks noChangeAspect="1" noChangeArrowheads="1"/>
              </p:cNvPicPr>
              <p:nvPr/>
            </p:nvPicPr>
            <p:blipFill rotWithShape="1">
              <a:blip r:embed="rId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311614926"/>
      </p:ext>
    </p:extLst>
  </p:cSld>
  <p:clrMapOvr>
    <a:masterClrMapping/>
  </p:clrMapOvr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/>
        </p:nvSpPr>
        <p:spPr>
          <a:xfrm>
            <a:off x="0" y="0"/>
            <a:ext cx="12198350" cy="4573060"/>
          </a:xfrm>
          <a:prstGeom prst="rect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1" name="Oval 5"/>
          <p:cNvSpPr/>
          <p:nvPr/>
        </p:nvSpPr>
        <p:spPr>
          <a:xfrm>
            <a:off x="-1" y="0"/>
            <a:ext cx="12198350" cy="4573060"/>
          </a:xfrm>
          <a:custGeom>
            <a:avLst/>
            <a:gdLst/>
            <a:ahLst/>
            <a:cxnLst/>
            <a:rect l="l" t="t" r="r" b="b"/>
            <a:pathLst>
              <a:path w="12192000" h="4572001">
                <a:moveTo>
                  <a:pt x="12192000" y="4387986"/>
                </a:moveTo>
                <a:lnTo>
                  <a:pt x="12192000" y="4572001"/>
                </a:lnTo>
                <a:lnTo>
                  <a:pt x="12013927" y="4572001"/>
                </a:lnTo>
                <a:cubicBezTo>
                  <a:pt x="12084901" y="4522707"/>
                  <a:pt x="12145198" y="4460004"/>
                  <a:pt x="12192000" y="4387986"/>
                </a:cubicBezTo>
                <a:close/>
                <a:moveTo>
                  <a:pt x="12192000" y="4041440"/>
                </a:moveTo>
                <a:lnTo>
                  <a:pt x="12192000" y="4174488"/>
                </a:lnTo>
                <a:cubicBezTo>
                  <a:pt x="12005469" y="4244657"/>
                  <a:pt x="11857227" y="4389538"/>
                  <a:pt x="11786673" y="4572001"/>
                </a:cubicBezTo>
                <a:lnTo>
                  <a:pt x="11649784" y="4572001"/>
                </a:lnTo>
                <a:cubicBezTo>
                  <a:pt x="11730542" y="4320085"/>
                  <a:pt x="11933879" y="4121396"/>
                  <a:pt x="12192000" y="4041440"/>
                </a:cubicBezTo>
                <a:close/>
                <a:moveTo>
                  <a:pt x="10767111" y="3999419"/>
                </a:moveTo>
                <a:lnTo>
                  <a:pt x="10784198" y="4001042"/>
                </a:lnTo>
                <a:cubicBezTo>
                  <a:pt x="10816584" y="4001569"/>
                  <a:pt x="10848477" y="4004550"/>
                  <a:pt x="10879660" y="4010107"/>
                </a:cubicBezTo>
                <a:cubicBezTo>
                  <a:pt x="10885236" y="4009688"/>
                  <a:pt x="10890564" y="4010636"/>
                  <a:pt x="10895873" y="4011646"/>
                </a:cubicBezTo>
                <a:lnTo>
                  <a:pt x="10895990" y="4012794"/>
                </a:lnTo>
                <a:cubicBezTo>
                  <a:pt x="11208069" y="4064450"/>
                  <a:pt x="11461298" y="4283539"/>
                  <a:pt x="11554662" y="4572001"/>
                </a:cubicBezTo>
                <a:lnTo>
                  <a:pt x="11417114" y="4572001"/>
                </a:lnTo>
                <a:cubicBezTo>
                  <a:pt x="11333731" y="4357380"/>
                  <a:pt x="11143362" y="4194541"/>
                  <a:pt x="10909360" y="4144250"/>
                </a:cubicBezTo>
                <a:cubicBezTo>
                  <a:pt x="10943854" y="4319651"/>
                  <a:pt x="11046077" y="4471530"/>
                  <a:pt x="11189175" y="4572001"/>
                </a:cubicBezTo>
                <a:lnTo>
                  <a:pt x="10994934" y="4572001"/>
                </a:lnTo>
                <a:cubicBezTo>
                  <a:pt x="10878802" y="4452596"/>
                  <a:pt x="10800240" y="4298519"/>
                  <a:pt x="10775875" y="4127511"/>
                </a:cubicBezTo>
                <a:cubicBezTo>
                  <a:pt x="10775707" y="4127458"/>
                  <a:pt x="10775539" y="4127453"/>
                  <a:pt x="10775369" y="4127448"/>
                </a:cubicBezTo>
                <a:lnTo>
                  <a:pt x="10774831" y="4120772"/>
                </a:lnTo>
                <a:cubicBezTo>
                  <a:pt x="10769772" y="4090522"/>
                  <a:pt x="10767321" y="4059631"/>
                  <a:pt x="10767364" y="4028296"/>
                </a:cubicBezTo>
                <a:cubicBezTo>
                  <a:pt x="10766052" y="4022668"/>
                  <a:pt x="10765993" y="4017001"/>
                  <a:pt x="10765993" y="4011320"/>
                </a:cubicBezTo>
                <a:lnTo>
                  <a:pt x="10766587" y="3999880"/>
                </a:lnTo>
                <a:lnTo>
                  <a:pt x="10767085" y="3999913"/>
                </a:lnTo>
                <a:close/>
                <a:moveTo>
                  <a:pt x="10744358" y="3999419"/>
                </a:moveTo>
                <a:lnTo>
                  <a:pt x="10744384" y="3999913"/>
                </a:lnTo>
                <a:lnTo>
                  <a:pt x="10744882" y="3999880"/>
                </a:lnTo>
                <a:lnTo>
                  <a:pt x="10745476" y="4011320"/>
                </a:lnTo>
                <a:cubicBezTo>
                  <a:pt x="10745476" y="4017001"/>
                  <a:pt x="10745417" y="4022668"/>
                  <a:pt x="10744105" y="4028296"/>
                </a:cubicBezTo>
                <a:cubicBezTo>
                  <a:pt x="10744148" y="4059631"/>
                  <a:pt x="10741697" y="4090522"/>
                  <a:pt x="10736638" y="4120772"/>
                </a:cubicBezTo>
                <a:lnTo>
                  <a:pt x="10736100" y="4127448"/>
                </a:lnTo>
                <a:cubicBezTo>
                  <a:pt x="10735930" y="4127453"/>
                  <a:pt x="10735762" y="4127458"/>
                  <a:pt x="10735594" y="4127511"/>
                </a:cubicBezTo>
                <a:cubicBezTo>
                  <a:pt x="10711229" y="4298519"/>
                  <a:pt x="10632667" y="4452596"/>
                  <a:pt x="10516535" y="4572001"/>
                </a:cubicBezTo>
                <a:lnTo>
                  <a:pt x="10322294" y="4572001"/>
                </a:lnTo>
                <a:cubicBezTo>
                  <a:pt x="10465392" y="4471530"/>
                  <a:pt x="10567615" y="4319650"/>
                  <a:pt x="10602109" y="4144250"/>
                </a:cubicBezTo>
                <a:cubicBezTo>
                  <a:pt x="10368107" y="4194541"/>
                  <a:pt x="10177738" y="4357380"/>
                  <a:pt x="10094355" y="4572001"/>
                </a:cubicBezTo>
                <a:lnTo>
                  <a:pt x="9956808" y="4572001"/>
                </a:lnTo>
                <a:cubicBezTo>
                  <a:pt x="10050171" y="4283539"/>
                  <a:pt x="10303400" y="4064450"/>
                  <a:pt x="10615479" y="4012794"/>
                </a:cubicBezTo>
                <a:lnTo>
                  <a:pt x="10615596" y="4011646"/>
                </a:lnTo>
                <a:cubicBezTo>
                  <a:pt x="10620905" y="4010636"/>
                  <a:pt x="10626233" y="4009688"/>
                  <a:pt x="10631809" y="4010107"/>
                </a:cubicBezTo>
                <a:cubicBezTo>
                  <a:pt x="10662992" y="4004550"/>
                  <a:pt x="10694885" y="4001569"/>
                  <a:pt x="10727271" y="4001042"/>
                </a:cubicBezTo>
                <a:close/>
                <a:moveTo>
                  <a:pt x="9074958" y="3999419"/>
                </a:moveTo>
                <a:lnTo>
                  <a:pt x="9092045" y="4001042"/>
                </a:lnTo>
                <a:cubicBezTo>
                  <a:pt x="9124431" y="4001569"/>
                  <a:pt x="9156324" y="4004550"/>
                  <a:pt x="9187507" y="4010107"/>
                </a:cubicBezTo>
                <a:cubicBezTo>
                  <a:pt x="9193083" y="4009688"/>
                  <a:pt x="9198411" y="4010636"/>
                  <a:pt x="9203720" y="4011646"/>
                </a:cubicBezTo>
                <a:lnTo>
                  <a:pt x="9203837" y="4012794"/>
                </a:lnTo>
                <a:cubicBezTo>
                  <a:pt x="9515916" y="4064450"/>
                  <a:pt x="9769145" y="4283539"/>
                  <a:pt x="9862508" y="4572001"/>
                </a:cubicBezTo>
                <a:lnTo>
                  <a:pt x="9724961" y="4572001"/>
                </a:lnTo>
                <a:cubicBezTo>
                  <a:pt x="9641578" y="4357380"/>
                  <a:pt x="9451209" y="4194541"/>
                  <a:pt x="9217207" y="4144250"/>
                </a:cubicBezTo>
                <a:cubicBezTo>
                  <a:pt x="9251701" y="4319651"/>
                  <a:pt x="9353924" y="4471530"/>
                  <a:pt x="9497022" y="4572001"/>
                </a:cubicBezTo>
                <a:lnTo>
                  <a:pt x="9302781" y="4572001"/>
                </a:lnTo>
                <a:cubicBezTo>
                  <a:pt x="9186649" y="4452596"/>
                  <a:pt x="9108087" y="4298519"/>
                  <a:pt x="9083722" y="4127511"/>
                </a:cubicBezTo>
                <a:cubicBezTo>
                  <a:pt x="9083554" y="4127458"/>
                  <a:pt x="9083386" y="4127453"/>
                  <a:pt x="9083216" y="4127448"/>
                </a:cubicBezTo>
                <a:lnTo>
                  <a:pt x="9082678" y="4120772"/>
                </a:lnTo>
                <a:cubicBezTo>
                  <a:pt x="9077619" y="4090522"/>
                  <a:pt x="9075168" y="4059631"/>
                  <a:pt x="9075211" y="4028296"/>
                </a:cubicBezTo>
                <a:cubicBezTo>
                  <a:pt x="9073899" y="4022668"/>
                  <a:pt x="9073840" y="4017001"/>
                  <a:pt x="9073840" y="4011320"/>
                </a:cubicBezTo>
                <a:lnTo>
                  <a:pt x="9074434" y="3999880"/>
                </a:lnTo>
                <a:lnTo>
                  <a:pt x="9074932" y="3999913"/>
                </a:lnTo>
                <a:close/>
                <a:moveTo>
                  <a:pt x="9052207" y="3999419"/>
                </a:moveTo>
                <a:lnTo>
                  <a:pt x="9052233" y="3999913"/>
                </a:lnTo>
                <a:lnTo>
                  <a:pt x="9052731" y="3999880"/>
                </a:lnTo>
                <a:lnTo>
                  <a:pt x="9053325" y="4011320"/>
                </a:lnTo>
                <a:cubicBezTo>
                  <a:pt x="9053325" y="4017001"/>
                  <a:pt x="9053266" y="4022668"/>
                  <a:pt x="9051954" y="4028296"/>
                </a:cubicBezTo>
                <a:cubicBezTo>
                  <a:pt x="9051997" y="4059631"/>
                  <a:pt x="9049546" y="4090522"/>
                  <a:pt x="9044487" y="4120772"/>
                </a:cubicBezTo>
                <a:lnTo>
                  <a:pt x="9043949" y="4127448"/>
                </a:lnTo>
                <a:cubicBezTo>
                  <a:pt x="9043779" y="4127453"/>
                  <a:pt x="9043611" y="4127458"/>
                  <a:pt x="9043443" y="4127511"/>
                </a:cubicBezTo>
                <a:cubicBezTo>
                  <a:pt x="9019078" y="4298519"/>
                  <a:pt x="8940516" y="4452596"/>
                  <a:pt x="8824384" y="4572001"/>
                </a:cubicBezTo>
                <a:lnTo>
                  <a:pt x="8630143" y="4572001"/>
                </a:lnTo>
                <a:cubicBezTo>
                  <a:pt x="8773241" y="4471530"/>
                  <a:pt x="8875464" y="4319651"/>
                  <a:pt x="8909958" y="4144250"/>
                </a:cubicBezTo>
                <a:cubicBezTo>
                  <a:pt x="8675956" y="4194541"/>
                  <a:pt x="8485587" y="4357380"/>
                  <a:pt x="8402204" y="4572001"/>
                </a:cubicBezTo>
                <a:lnTo>
                  <a:pt x="8264656" y="4572001"/>
                </a:lnTo>
                <a:cubicBezTo>
                  <a:pt x="8358019" y="4283539"/>
                  <a:pt x="8611249" y="4064450"/>
                  <a:pt x="8923328" y="4012794"/>
                </a:cubicBezTo>
                <a:lnTo>
                  <a:pt x="8923445" y="4011646"/>
                </a:lnTo>
                <a:cubicBezTo>
                  <a:pt x="8928754" y="4010636"/>
                  <a:pt x="8934082" y="4009688"/>
                  <a:pt x="8939658" y="4010107"/>
                </a:cubicBezTo>
                <a:cubicBezTo>
                  <a:pt x="8970841" y="4004550"/>
                  <a:pt x="9002734" y="4001569"/>
                  <a:pt x="9035120" y="4001042"/>
                </a:cubicBezTo>
                <a:close/>
                <a:moveTo>
                  <a:pt x="7382807" y="3999419"/>
                </a:moveTo>
                <a:lnTo>
                  <a:pt x="7399895" y="4001042"/>
                </a:lnTo>
                <a:cubicBezTo>
                  <a:pt x="7432280" y="4001569"/>
                  <a:pt x="7464173" y="4004550"/>
                  <a:pt x="7495356" y="4010107"/>
                </a:cubicBezTo>
                <a:cubicBezTo>
                  <a:pt x="7500932" y="4009688"/>
                  <a:pt x="7506260" y="4010636"/>
                  <a:pt x="7511569" y="4011646"/>
                </a:cubicBezTo>
                <a:lnTo>
                  <a:pt x="7511686" y="4012794"/>
                </a:lnTo>
                <a:cubicBezTo>
                  <a:pt x="7823765" y="4064450"/>
                  <a:pt x="8076994" y="4283539"/>
                  <a:pt x="8170358" y="4572001"/>
                </a:cubicBezTo>
                <a:lnTo>
                  <a:pt x="8032809" y="4572001"/>
                </a:lnTo>
                <a:cubicBezTo>
                  <a:pt x="7949426" y="4357380"/>
                  <a:pt x="7759058" y="4194541"/>
                  <a:pt x="7525056" y="4144250"/>
                </a:cubicBezTo>
                <a:cubicBezTo>
                  <a:pt x="7559550" y="4319650"/>
                  <a:pt x="7661773" y="4471530"/>
                  <a:pt x="7804870" y="4572001"/>
                </a:cubicBezTo>
                <a:lnTo>
                  <a:pt x="7610630" y="4572001"/>
                </a:lnTo>
                <a:cubicBezTo>
                  <a:pt x="7494498" y="4452596"/>
                  <a:pt x="7415935" y="4298519"/>
                  <a:pt x="7391571" y="4127511"/>
                </a:cubicBezTo>
                <a:cubicBezTo>
                  <a:pt x="7391403" y="4127458"/>
                  <a:pt x="7391235" y="4127453"/>
                  <a:pt x="7391065" y="4127448"/>
                </a:cubicBezTo>
                <a:lnTo>
                  <a:pt x="7390527" y="4120772"/>
                </a:lnTo>
                <a:cubicBezTo>
                  <a:pt x="7385468" y="4090522"/>
                  <a:pt x="7383018" y="4059631"/>
                  <a:pt x="7383060" y="4028296"/>
                </a:cubicBezTo>
                <a:cubicBezTo>
                  <a:pt x="7381748" y="4022668"/>
                  <a:pt x="7381689" y="4017001"/>
                  <a:pt x="7381689" y="4011320"/>
                </a:cubicBezTo>
                <a:lnTo>
                  <a:pt x="7382283" y="3999880"/>
                </a:lnTo>
                <a:lnTo>
                  <a:pt x="7382781" y="3999913"/>
                </a:lnTo>
                <a:close/>
                <a:moveTo>
                  <a:pt x="7360056" y="3999419"/>
                </a:moveTo>
                <a:lnTo>
                  <a:pt x="7360082" y="3999913"/>
                </a:lnTo>
                <a:lnTo>
                  <a:pt x="7360580" y="3999880"/>
                </a:lnTo>
                <a:lnTo>
                  <a:pt x="7361174" y="4011320"/>
                </a:lnTo>
                <a:cubicBezTo>
                  <a:pt x="7361174" y="4017001"/>
                  <a:pt x="7361115" y="4022668"/>
                  <a:pt x="7359803" y="4028296"/>
                </a:cubicBezTo>
                <a:cubicBezTo>
                  <a:pt x="7359845" y="4059631"/>
                  <a:pt x="7357395" y="4090522"/>
                  <a:pt x="7352336" y="4120772"/>
                </a:cubicBezTo>
                <a:lnTo>
                  <a:pt x="7351798" y="4127448"/>
                </a:lnTo>
                <a:cubicBezTo>
                  <a:pt x="7351628" y="4127453"/>
                  <a:pt x="7351460" y="4127458"/>
                  <a:pt x="7351292" y="4127511"/>
                </a:cubicBezTo>
                <a:cubicBezTo>
                  <a:pt x="7326927" y="4298519"/>
                  <a:pt x="7248364" y="4452596"/>
                  <a:pt x="7132233" y="4572001"/>
                </a:cubicBezTo>
                <a:lnTo>
                  <a:pt x="6937992" y="4572001"/>
                </a:lnTo>
                <a:cubicBezTo>
                  <a:pt x="7081090" y="4471530"/>
                  <a:pt x="7183313" y="4319650"/>
                  <a:pt x="7217807" y="4144250"/>
                </a:cubicBezTo>
                <a:cubicBezTo>
                  <a:pt x="6983804" y="4194541"/>
                  <a:pt x="6793436" y="4357380"/>
                  <a:pt x="6710053" y="4572001"/>
                </a:cubicBezTo>
                <a:lnTo>
                  <a:pt x="6572505" y="4572001"/>
                </a:lnTo>
                <a:cubicBezTo>
                  <a:pt x="6665868" y="4283539"/>
                  <a:pt x="6919098" y="4064450"/>
                  <a:pt x="7231177" y="4012794"/>
                </a:cubicBezTo>
                <a:lnTo>
                  <a:pt x="7231294" y="4011646"/>
                </a:lnTo>
                <a:cubicBezTo>
                  <a:pt x="7236603" y="4010636"/>
                  <a:pt x="7241931" y="4009688"/>
                  <a:pt x="7247507" y="4010107"/>
                </a:cubicBezTo>
                <a:cubicBezTo>
                  <a:pt x="7278690" y="4004550"/>
                  <a:pt x="7310583" y="4001569"/>
                  <a:pt x="7342968" y="4001042"/>
                </a:cubicBezTo>
                <a:close/>
                <a:moveTo>
                  <a:pt x="5690656" y="3999419"/>
                </a:moveTo>
                <a:lnTo>
                  <a:pt x="5707743" y="4001042"/>
                </a:lnTo>
                <a:cubicBezTo>
                  <a:pt x="5740129" y="4001569"/>
                  <a:pt x="5772021" y="4004550"/>
                  <a:pt x="5803205" y="4010107"/>
                </a:cubicBezTo>
                <a:cubicBezTo>
                  <a:pt x="5808781" y="4009688"/>
                  <a:pt x="5814109" y="4010636"/>
                  <a:pt x="5819417" y="4011646"/>
                </a:cubicBezTo>
                <a:lnTo>
                  <a:pt x="5819534" y="4012794"/>
                </a:lnTo>
                <a:cubicBezTo>
                  <a:pt x="6131614" y="4064450"/>
                  <a:pt x="6384843" y="4283539"/>
                  <a:pt x="6478206" y="4572001"/>
                </a:cubicBezTo>
                <a:lnTo>
                  <a:pt x="6340658" y="4572001"/>
                </a:lnTo>
                <a:cubicBezTo>
                  <a:pt x="6257275" y="4357380"/>
                  <a:pt x="6066907" y="4194541"/>
                  <a:pt x="5832905" y="4144250"/>
                </a:cubicBezTo>
                <a:cubicBezTo>
                  <a:pt x="5867399" y="4319651"/>
                  <a:pt x="5969622" y="4471530"/>
                  <a:pt x="6112719" y="4572001"/>
                </a:cubicBezTo>
                <a:lnTo>
                  <a:pt x="5918478" y="4572001"/>
                </a:lnTo>
                <a:cubicBezTo>
                  <a:pt x="5802347" y="4452596"/>
                  <a:pt x="5723784" y="4298519"/>
                  <a:pt x="5699419" y="4127511"/>
                </a:cubicBezTo>
                <a:cubicBezTo>
                  <a:pt x="5699252" y="4127458"/>
                  <a:pt x="5699083" y="4127453"/>
                  <a:pt x="5698914" y="4127448"/>
                </a:cubicBezTo>
                <a:lnTo>
                  <a:pt x="5698375" y="4120772"/>
                </a:lnTo>
                <a:cubicBezTo>
                  <a:pt x="5693317" y="4090522"/>
                  <a:pt x="5690866" y="4059631"/>
                  <a:pt x="5690908" y="4028296"/>
                </a:cubicBezTo>
                <a:cubicBezTo>
                  <a:pt x="5689596" y="4022668"/>
                  <a:pt x="5689538" y="4017001"/>
                  <a:pt x="5689538" y="4011320"/>
                </a:cubicBezTo>
                <a:lnTo>
                  <a:pt x="5690132" y="3999880"/>
                </a:lnTo>
                <a:lnTo>
                  <a:pt x="5690630" y="3999913"/>
                </a:lnTo>
                <a:close/>
                <a:moveTo>
                  <a:pt x="5667905" y="3999419"/>
                </a:moveTo>
                <a:lnTo>
                  <a:pt x="5667931" y="3999913"/>
                </a:lnTo>
                <a:lnTo>
                  <a:pt x="5668429" y="3999880"/>
                </a:lnTo>
                <a:lnTo>
                  <a:pt x="5669023" y="4011320"/>
                </a:lnTo>
                <a:cubicBezTo>
                  <a:pt x="5669023" y="4017001"/>
                  <a:pt x="5668964" y="4022668"/>
                  <a:pt x="5667652" y="4028296"/>
                </a:cubicBezTo>
                <a:cubicBezTo>
                  <a:pt x="5667694" y="4059631"/>
                  <a:pt x="5665244" y="4090522"/>
                  <a:pt x="5660185" y="4120772"/>
                </a:cubicBezTo>
                <a:lnTo>
                  <a:pt x="5659647" y="4127448"/>
                </a:lnTo>
                <a:cubicBezTo>
                  <a:pt x="5659477" y="4127453"/>
                  <a:pt x="5659309" y="4127458"/>
                  <a:pt x="5659141" y="4127511"/>
                </a:cubicBezTo>
                <a:cubicBezTo>
                  <a:pt x="5634776" y="4298519"/>
                  <a:pt x="5556213" y="4452596"/>
                  <a:pt x="5440082" y="4572001"/>
                </a:cubicBezTo>
                <a:lnTo>
                  <a:pt x="5245841" y="4572001"/>
                </a:lnTo>
                <a:cubicBezTo>
                  <a:pt x="5388939" y="4471530"/>
                  <a:pt x="5491162" y="4319651"/>
                  <a:pt x="5525656" y="4144250"/>
                </a:cubicBezTo>
                <a:cubicBezTo>
                  <a:pt x="5291653" y="4194541"/>
                  <a:pt x="5101285" y="4357380"/>
                  <a:pt x="5017902" y="4572001"/>
                </a:cubicBezTo>
                <a:lnTo>
                  <a:pt x="4880354" y="4572001"/>
                </a:lnTo>
                <a:cubicBezTo>
                  <a:pt x="4973717" y="4283539"/>
                  <a:pt x="5226947" y="4064450"/>
                  <a:pt x="5539026" y="4012794"/>
                </a:cubicBezTo>
                <a:lnTo>
                  <a:pt x="5539143" y="4011646"/>
                </a:lnTo>
                <a:cubicBezTo>
                  <a:pt x="5544452" y="4010636"/>
                  <a:pt x="5549780" y="4009688"/>
                  <a:pt x="5555356" y="4010107"/>
                </a:cubicBezTo>
                <a:cubicBezTo>
                  <a:pt x="5586539" y="4004550"/>
                  <a:pt x="5618432" y="4001569"/>
                  <a:pt x="5650817" y="4001042"/>
                </a:cubicBezTo>
                <a:close/>
                <a:moveTo>
                  <a:pt x="3998505" y="3999419"/>
                </a:moveTo>
                <a:lnTo>
                  <a:pt x="4015592" y="4001042"/>
                </a:lnTo>
                <a:cubicBezTo>
                  <a:pt x="4047978" y="4001569"/>
                  <a:pt x="4079870" y="4004550"/>
                  <a:pt x="4111054" y="4010107"/>
                </a:cubicBezTo>
                <a:cubicBezTo>
                  <a:pt x="4116630" y="4009688"/>
                  <a:pt x="4121958" y="4010636"/>
                  <a:pt x="4127266" y="4011646"/>
                </a:cubicBezTo>
                <a:lnTo>
                  <a:pt x="4127384" y="4012794"/>
                </a:lnTo>
                <a:cubicBezTo>
                  <a:pt x="4439463" y="4064450"/>
                  <a:pt x="4692692" y="4283539"/>
                  <a:pt x="4786055" y="4572001"/>
                </a:cubicBezTo>
                <a:lnTo>
                  <a:pt x="4648508" y="4572001"/>
                </a:lnTo>
                <a:cubicBezTo>
                  <a:pt x="4565124" y="4357380"/>
                  <a:pt x="4374756" y="4194541"/>
                  <a:pt x="4140754" y="4144250"/>
                </a:cubicBezTo>
                <a:cubicBezTo>
                  <a:pt x="4175248" y="4319650"/>
                  <a:pt x="4277471" y="4471530"/>
                  <a:pt x="4420568" y="4572001"/>
                </a:cubicBezTo>
                <a:lnTo>
                  <a:pt x="4226327" y="4572001"/>
                </a:lnTo>
                <a:cubicBezTo>
                  <a:pt x="4110196" y="4452596"/>
                  <a:pt x="4031633" y="4298519"/>
                  <a:pt x="4007268" y="4127511"/>
                </a:cubicBezTo>
                <a:cubicBezTo>
                  <a:pt x="4007101" y="4127458"/>
                  <a:pt x="4006932" y="4127453"/>
                  <a:pt x="4006763" y="4127448"/>
                </a:cubicBezTo>
                <a:lnTo>
                  <a:pt x="4006225" y="4120772"/>
                </a:lnTo>
                <a:cubicBezTo>
                  <a:pt x="4001166" y="4090522"/>
                  <a:pt x="3998715" y="4059631"/>
                  <a:pt x="3998757" y="4028296"/>
                </a:cubicBezTo>
                <a:cubicBezTo>
                  <a:pt x="3997445" y="4022668"/>
                  <a:pt x="3997387" y="4017001"/>
                  <a:pt x="3997387" y="4011320"/>
                </a:cubicBezTo>
                <a:lnTo>
                  <a:pt x="3997981" y="3999880"/>
                </a:lnTo>
                <a:lnTo>
                  <a:pt x="3998479" y="3999913"/>
                </a:lnTo>
                <a:close/>
                <a:moveTo>
                  <a:pt x="3975754" y="3999419"/>
                </a:moveTo>
                <a:lnTo>
                  <a:pt x="3975780" y="3999913"/>
                </a:lnTo>
                <a:lnTo>
                  <a:pt x="3976278" y="3999880"/>
                </a:lnTo>
                <a:lnTo>
                  <a:pt x="3976872" y="4011320"/>
                </a:lnTo>
                <a:cubicBezTo>
                  <a:pt x="3976872" y="4017001"/>
                  <a:pt x="3976813" y="4022668"/>
                  <a:pt x="3975501" y="4028296"/>
                </a:cubicBezTo>
                <a:cubicBezTo>
                  <a:pt x="3975543" y="4059631"/>
                  <a:pt x="3973093" y="4090522"/>
                  <a:pt x="3968034" y="4120772"/>
                </a:cubicBezTo>
                <a:lnTo>
                  <a:pt x="3967496" y="4127448"/>
                </a:lnTo>
                <a:cubicBezTo>
                  <a:pt x="3967326" y="4127453"/>
                  <a:pt x="3967158" y="4127458"/>
                  <a:pt x="3966990" y="4127511"/>
                </a:cubicBezTo>
                <a:cubicBezTo>
                  <a:pt x="3942625" y="4298519"/>
                  <a:pt x="3864063" y="4452596"/>
                  <a:pt x="3747931" y="4572001"/>
                </a:cubicBezTo>
                <a:lnTo>
                  <a:pt x="3553690" y="4572001"/>
                </a:lnTo>
                <a:cubicBezTo>
                  <a:pt x="3696788" y="4471530"/>
                  <a:pt x="3799011" y="4319651"/>
                  <a:pt x="3833505" y="4144250"/>
                </a:cubicBezTo>
                <a:cubicBezTo>
                  <a:pt x="3599503" y="4194541"/>
                  <a:pt x="3409134" y="4357380"/>
                  <a:pt x="3325751" y="4572001"/>
                </a:cubicBezTo>
                <a:lnTo>
                  <a:pt x="3188203" y="4572001"/>
                </a:lnTo>
                <a:cubicBezTo>
                  <a:pt x="3281566" y="4283539"/>
                  <a:pt x="3534796" y="4064450"/>
                  <a:pt x="3846875" y="4012794"/>
                </a:cubicBezTo>
                <a:lnTo>
                  <a:pt x="3846992" y="4011646"/>
                </a:lnTo>
                <a:cubicBezTo>
                  <a:pt x="3852301" y="4010636"/>
                  <a:pt x="3857629" y="4009688"/>
                  <a:pt x="3863205" y="4010107"/>
                </a:cubicBezTo>
                <a:cubicBezTo>
                  <a:pt x="3894388" y="4004550"/>
                  <a:pt x="3926281" y="4001569"/>
                  <a:pt x="3958666" y="4001042"/>
                </a:cubicBezTo>
                <a:close/>
                <a:moveTo>
                  <a:pt x="2306354" y="3999419"/>
                </a:moveTo>
                <a:lnTo>
                  <a:pt x="2323441" y="4001042"/>
                </a:lnTo>
                <a:cubicBezTo>
                  <a:pt x="2355827" y="4001569"/>
                  <a:pt x="2387719" y="4004550"/>
                  <a:pt x="2418903" y="4010107"/>
                </a:cubicBezTo>
                <a:cubicBezTo>
                  <a:pt x="2424479" y="4009688"/>
                  <a:pt x="2429807" y="4010636"/>
                  <a:pt x="2435115" y="4011646"/>
                </a:cubicBezTo>
                <a:lnTo>
                  <a:pt x="2435233" y="4012794"/>
                </a:lnTo>
                <a:cubicBezTo>
                  <a:pt x="2747312" y="4064450"/>
                  <a:pt x="3000542" y="4283539"/>
                  <a:pt x="3093904" y="4572001"/>
                </a:cubicBezTo>
                <a:lnTo>
                  <a:pt x="2956357" y="4572001"/>
                </a:lnTo>
                <a:cubicBezTo>
                  <a:pt x="2872974" y="4357380"/>
                  <a:pt x="2682605" y="4194541"/>
                  <a:pt x="2448603" y="4144250"/>
                </a:cubicBezTo>
                <a:cubicBezTo>
                  <a:pt x="2483097" y="4319651"/>
                  <a:pt x="2585320" y="4471530"/>
                  <a:pt x="2728418" y="4572001"/>
                </a:cubicBezTo>
                <a:lnTo>
                  <a:pt x="2534177" y="4572001"/>
                </a:lnTo>
                <a:cubicBezTo>
                  <a:pt x="2418045" y="4452596"/>
                  <a:pt x="2339482" y="4298519"/>
                  <a:pt x="2315117" y="4127511"/>
                </a:cubicBezTo>
                <a:cubicBezTo>
                  <a:pt x="2314950" y="4127458"/>
                  <a:pt x="2314781" y="4127453"/>
                  <a:pt x="2314612" y="4127448"/>
                </a:cubicBezTo>
                <a:lnTo>
                  <a:pt x="2314074" y="4120772"/>
                </a:lnTo>
                <a:cubicBezTo>
                  <a:pt x="2309015" y="4090522"/>
                  <a:pt x="2306564" y="4059631"/>
                  <a:pt x="2306606" y="4028296"/>
                </a:cubicBezTo>
                <a:cubicBezTo>
                  <a:pt x="2305294" y="4022668"/>
                  <a:pt x="2305236" y="4017001"/>
                  <a:pt x="2305236" y="4011320"/>
                </a:cubicBezTo>
                <a:lnTo>
                  <a:pt x="2305830" y="3999880"/>
                </a:lnTo>
                <a:lnTo>
                  <a:pt x="2306328" y="3999913"/>
                </a:lnTo>
                <a:close/>
                <a:moveTo>
                  <a:pt x="2283603" y="3999419"/>
                </a:moveTo>
                <a:lnTo>
                  <a:pt x="2283629" y="3999913"/>
                </a:lnTo>
                <a:lnTo>
                  <a:pt x="2284127" y="3999880"/>
                </a:lnTo>
                <a:lnTo>
                  <a:pt x="2284721" y="4011320"/>
                </a:lnTo>
                <a:cubicBezTo>
                  <a:pt x="2284721" y="4017001"/>
                  <a:pt x="2284662" y="4022668"/>
                  <a:pt x="2283350" y="4028296"/>
                </a:cubicBezTo>
                <a:cubicBezTo>
                  <a:pt x="2283392" y="4059631"/>
                  <a:pt x="2280942" y="4090522"/>
                  <a:pt x="2275883" y="4120772"/>
                </a:cubicBezTo>
                <a:lnTo>
                  <a:pt x="2275345" y="4127448"/>
                </a:lnTo>
                <a:cubicBezTo>
                  <a:pt x="2275175" y="4127453"/>
                  <a:pt x="2275007" y="4127458"/>
                  <a:pt x="2274839" y="4127511"/>
                </a:cubicBezTo>
                <a:cubicBezTo>
                  <a:pt x="2250474" y="4298519"/>
                  <a:pt x="2171912" y="4452596"/>
                  <a:pt x="2055780" y="4572001"/>
                </a:cubicBezTo>
                <a:lnTo>
                  <a:pt x="1861539" y="4572001"/>
                </a:lnTo>
                <a:cubicBezTo>
                  <a:pt x="2004637" y="4471530"/>
                  <a:pt x="2106860" y="4319650"/>
                  <a:pt x="2141354" y="4144250"/>
                </a:cubicBezTo>
                <a:cubicBezTo>
                  <a:pt x="1907352" y="4194541"/>
                  <a:pt x="1716983" y="4357380"/>
                  <a:pt x="1633600" y="4572001"/>
                </a:cubicBezTo>
                <a:lnTo>
                  <a:pt x="1496052" y="4572001"/>
                </a:lnTo>
                <a:cubicBezTo>
                  <a:pt x="1589416" y="4283539"/>
                  <a:pt x="1842645" y="4064450"/>
                  <a:pt x="2154724" y="4012794"/>
                </a:cubicBezTo>
                <a:lnTo>
                  <a:pt x="2154841" y="4011646"/>
                </a:lnTo>
                <a:cubicBezTo>
                  <a:pt x="2160150" y="4010636"/>
                  <a:pt x="2165478" y="4009688"/>
                  <a:pt x="2171054" y="4010107"/>
                </a:cubicBezTo>
                <a:cubicBezTo>
                  <a:pt x="2202237" y="4004550"/>
                  <a:pt x="2234130" y="4001569"/>
                  <a:pt x="2266515" y="4001042"/>
                </a:cubicBezTo>
                <a:close/>
                <a:moveTo>
                  <a:pt x="614203" y="3999419"/>
                </a:moveTo>
                <a:lnTo>
                  <a:pt x="631290" y="4001042"/>
                </a:lnTo>
                <a:cubicBezTo>
                  <a:pt x="663676" y="4001569"/>
                  <a:pt x="695568" y="4004550"/>
                  <a:pt x="726752" y="4010107"/>
                </a:cubicBezTo>
                <a:cubicBezTo>
                  <a:pt x="732328" y="4009688"/>
                  <a:pt x="737656" y="4010636"/>
                  <a:pt x="742964" y="4011646"/>
                </a:cubicBezTo>
                <a:lnTo>
                  <a:pt x="743081" y="4012794"/>
                </a:lnTo>
                <a:cubicBezTo>
                  <a:pt x="1055161" y="4064450"/>
                  <a:pt x="1308390" y="4283539"/>
                  <a:pt x="1401754" y="4572001"/>
                </a:cubicBezTo>
                <a:lnTo>
                  <a:pt x="1264205" y="4572001"/>
                </a:lnTo>
                <a:cubicBezTo>
                  <a:pt x="1180823" y="4357380"/>
                  <a:pt x="990454" y="4194541"/>
                  <a:pt x="756452" y="4144250"/>
                </a:cubicBezTo>
                <a:cubicBezTo>
                  <a:pt x="790946" y="4319651"/>
                  <a:pt x="893169" y="4471530"/>
                  <a:pt x="1036266" y="4572001"/>
                </a:cubicBezTo>
                <a:lnTo>
                  <a:pt x="842026" y="4572001"/>
                </a:lnTo>
                <a:cubicBezTo>
                  <a:pt x="725894" y="4452596"/>
                  <a:pt x="647331" y="4298519"/>
                  <a:pt x="622966" y="4127511"/>
                </a:cubicBezTo>
                <a:cubicBezTo>
                  <a:pt x="622799" y="4127458"/>
                  <a:pt x="622630" y="4127453"/>
                  <a:pt x="622461" y="4127448"/>
                </a:cubicBezTo>
                <a:lnTo>
                  <a:pt x="621923" y="4120772"/>
                </a:lnTo>
                <a:cubicBezTo>
                  <a:pt x="616864" y="4090522"/>
                  <a:pt x="614413" y="4059631"/>
                  <a:pt x="614455" y="4028296"/>
                </a:cubicBezTo>
                <a:cubicBezTo>
                  <a:pt x="613143" y="4022668"/>
                  <a:pt x="613085" y="4017001"/>
                  <a:pt x="613085" y="4011320"/>
                </a:cubicBezTo>
                <a:lnTo>
                  <a:pt x="613679" y="3999880"/>
                </a:lnTo>
                <a:lnTo>
                  <a:pt x="614177" y="3999913"/>
                </a:lnTo>
                <a:close/>
                <a:moveTo>
                  <a:pt x="591452" y="3999419"/>
                </a:moveTo>
                <a:lnTo>
                  <a:pt x="591478" y="3999913"/>
                </a:lnTo>
                <a:lnTo>
                  <a:pt x="591976" y="3999880"/>
                </a:lnTo>
                <a:lnTo>
                  <a:pt x="592570" y="4011320"/>
                </a:lnTo>
                <a:cubicBezTo>
                  <a:pt x="592570" y="4017001"/>
                  <a:pt x="592511" y="4022668"/>
                  <a:pt x="591199" y="4028296"/>
                </a:cubicBezTo>
                <a:cubicBezTo>
                  <a:pt x="591242" y="4059631"/>
                  <a:pt x="588791" y="4090522"/>
                  <a:pt x="583732" y="4120772"/>
                </a:cubicBezTo>
                <a:lnTo>
                  <a:pt x="583194" y="4127448"/>
                </a:lnTo>
                <a:cubicBezTo>
                  <a:pt x="583024" y="4127453"/>
                  <a:pt x="582856" y="4127458"/>
                  <a:pt x="582689" y="4127511"/>
                </a:cubicBezTo>
                <a:cubicBezTo>
                  <a:pt x="558275" y="4298863"/>
                  <a:pt x="479445" y="4453216"/>
                  <a:pt x="362360" y="4572001"/>
                </a:cubicBezTo>
                <a:lnTo>
                  <a:pt x="169811" y="4572001"/>
                </a:lnTo>
                <a:cubicBezTo>
                  <a:pt x="312603" y="4471357"/>
                  <a:pt x="414729" y="4319551"/>
                  <a:pt x="449203" y="4144250"/>
                </a:cubicBezTo>
                <a:cubicBezTo>
                  <a:pt x="258971" y="4185134"/>
                  <a:pt x="97576" y="4300399"/>
                  <a:pt x="0" y="4458139"/>
                </a:cubicBezTo>
                <a:lnTo>
                  <a:pt x="0" y="4251345"/>
                </a:lnTo>
                <a:cubicBezTo>
                  <a:pt x="121484" y="4128438"/>
                  <a:pt x="282199" y="4042650"/>
                  <a:pt x="462573" y="4012794"/>
                </a:cubicBezTo>
                <a:lnTo>
                  <a:pt x="462690" y="4011646"/>
                </a:lnTo>
                <a:cubicBezTo>
                  <a:pt x="467999" y="4010636"/>
                  <a:pt x="473327" y="4009688"/>
                  <a:pt x="478903" y="4010107"/>
                </a:cubicBezTo>
                <a:cubicBezTo>
                  <a:pt x="510086" y="4004550"/>
                  <a:pt x="541979" y="4001569"/>
                  <a:pt x="574365" y="4001042"/>
                </a:cubicBezTo>
                <a:close/>
                <a:moveTo>
                  <a:pt x="11452667" y="3304913"/>
                </a:moveTo>
                <a:cubicBezTo>
                  <a:pt x="11177477" y="3363591"/>
                  <a:pt x="10962633" y="3576701"/>
                  <a:pt x="10909358" y="3845480"/>
                </a:cubicBezTo>
                <a:cubicBezTo>
                  <a:pt x="11184548" y="3786801"/>
                  <a:pt x="11399391" y="3573691"/>
                  <a:pt x="11452667" y="3304913"/>
                </a:cubicBezTo>
                <a:close/>
                <a:moveTo>
                  <a:pt x="10058800" y="3304913"/>
                </a:moveTo>
                <a:cubicBezTo>
                  <a:pt x="10112076" y="3573691"/>
                  <a:pt x="10326919" y="3786801"/>
                  <a:pt x="10602109" y="3845480"/>
                </a:cubicBezTo>
                <a:cubicBezTo>
                  <a:pt x="10548834" y="3576701"/>
                  <a:pt x="10333990" y="3363591"/>
                  <a:pt x="10058800" y="3304913"/>
                </a:cubicBezTo>
                <a:close/>
                <a:moveTo>
                  <a:pt x="9760514" y="3304913"/>
                </a:moveTo>
                <a:cubicBezTo>
                  <a:pt x="9485324" y="3363591"/>
                  <a:pt x="9270480" y="3576701"/>
                  <a:pt x="9217205" y="3845480"/>
                </a:cubicBezTo>
                <a:cubicBezTo>
                  <a:pt x="9492395" y="3786801"/>
                  <a:pt x="9707238" y="3573691"/>
                  <a:pt x="9760514" y="3304913"/>
                </a:cubicBezTo>
                <a:close/>
                <a:moveTo>
                  <a:pt x="8366649" y="3304913"/>
                </a:moveTo>
                <a:cubicBezTo>
                  <a:pt x="8419925" y="3573691"/>
                  <a:pt x="8634768" y="3786801"/>
                  <a:pt x="8909958" y="3845480"/>
                </a:cubicBezTo>
                <a:cubicBezTo>
                  <a:pt x="8856683" y="3576701"/>
                  <a:pt x="8641839" y="3363591"/>
                  <a:pt x="8366649" y="3304913"/>
                </a:cubicBezTo>
                <a:close/>
                <a:moveTo>
                  <a:pt x="8068363" y="3304913"/>
                </a:moveTo>
                <a:cubicBezTo>
                  <a:pt x="7793173" y="3363591"/>
                  <a:pt x="7578329" y="3576701"/>
                  <a:pt x="7525054" y="3845480"/>
                </a:cubicBezTo>
                <a:cubicBezTo>
                  <a:pt x="7800244" y="3786801"/>
                  <a:pt x="8015087" y="3573691"/>
                  <a:pt x="8068363" y="3304913"/>
                </a:cubicBezTo>
                <a:close/>
                <a:moveTo>
                  <a:pt x="6674498" y="3304913"/>
                </a:moveTo>
                <a:cubicBezTo>
                  <a:pt x="6727774" y="3573691"/>
                  <a:pt x="6942617" y="3786801"/>
                  <a:pt x="7217807" y="3845480"/>
                </a:cubicBezTo>
                <a:cubicBezTo>
                  <a:pt x="7164532" y="3576701"/>
                  <a:pt x="6949688" y="3363591"/>
                  <a:pt x="6674498" y="3304913"/>
                </a:cubicBezTo>
                <a:close/>
                <a:moveTo>
                  <a:pt x="6376212" y="3304913"/>
                </a:moveTo>
                <a:cubicBezTo>
                  <a:pt x="6101022" y="3363591"/>
                  <a:pt x="5886178" y="3576701"/>
                  <a:pt x="5832903" y="3845480"/>
                </a:cubicBezTo>
                <a:cubicBezTo>
                  <a:pt x="6108093" y="3786801"/>
                  <a:pt x="6322936" y="3573691"/>
                  <a:pt x="6376212" y="3304913"/>
                </a:cubicBezTo>
                <a:close/>
                <a:moveTo>
                  <a:pt x="4982347" y="3304913"/>
                </a:moveTo>
                <a:cubicBezTo>
                  <a:pt x="5035623" y="3573691"/>
                  <a:pt x="5250466" y="3786801"/>
                  <a:pt x="5525656" y="3845480"/>
                </a:cubicBezTo>
                <a:cubicBezTo>
                  <a:pt x="5472381" y="3576701"/>
                  <a:pt x="5257537" y="3363591"/>
                  <a:pt x="4982347" y="3304913"/>
                </a:cubicBezTo>
                <a:close/>
                <a:moveTo>
                  <a:pt x="4684061" y="3304913"/>
                </a:moveTo>
                <a:cubicBezTo>
                  <a:pt x="4408871" y="3363591"/>
                  <a:pt x="4194027" y="3576701"/>
                  <a:pt x="4140752" y="3845480"/>
                </a:cubicBezTo>
                <a:cubicBezTo>
                  <a:pt x="4415942" y="3786801"/>
                  <a:pt x="4630785" y="3573691"/>
                  <a:pt x="4684061" y="3304913"/>
                </a:cubicBezTo>
                <a:close/>
                <a:moveTo>
                  <a:pt x="3290196" y="3304913"/>
                </a:moveTo>
                <a:cubicBezTo>
                  <a:pt x="3343472" y="3573691"/>
                  <a:pt x="3558315" y="3786801"/>
                  <a:pt x="3833505" y="3845480"/>
                </a:cubicBezTo>
                <a:cubicBezTo>
                  <a:pt x="3780230" y="3576701"/>
                  <a:pt x="3565386" y="3363591"/>
                  <a:pt x="3290196" y="3304913"/>
                </a:cubicBezTo>
                <a:close/>
                <a:moveTo>
                  <a:pt x="2991910" y="3304913"/>
                </a:moveTo>
                <a:cubicBezTo>
                  <a:pt x="2716720" y="3363591"/>
                  <a:pt x="2501876" y="3576701"/>
                  <a:pt x="2448601" y="3845480"/>
                </a:cubicBezTo>
                <a:cubicBezTo>
                  <a:pt x="2723791" y="3786801"/>
                  <a:pt x="2938634" y="3573691"/>
                  <a:pt x="2991910" y="3304913"/>
                </a:cubicBezTo>
                <a:close/>
                <a:moveTo>
                  <a:pt x="1598045" y="3304913"/>
                </a:moveTo>
                <a:cubicBezTo>
                  <a:pt x="1651321" y="3573691"/>
                  <a:pt x="1866164" y="3786801"/>
                  <a:pt x="2141354" y="3845480"/>
                </a:cubicBezTo>
                <a:cubicBezTo>
                  <a:pt x="2088079" y="3576701"/>
                  <a:pt x="1873235" y="3363591"/>
                  <a:pt x="1598045" y="3304913"/>
                </a:cubicBezTo>
                <a:close/>
                <a:moveTo>
                  <a:pt x="1299759" y="3304913"/>
                </a:moveTo>
                <a:cubicBezTo>
                  <a:pt x="1024569" y="3363591"/>
                  <a:pt x="809725" y="3576701"/>
                  <a:pt x="756450" y="3845480"/>
                </a:cubicBezTo>
                <a:cubicBezTo>
                  <a:pt x="1031640" y="3786801"/>
                  <a:pt x="1246483" y="3573691"/>
                  <a:pt x="1299759" y="3304913"/>
                </a:cubicBezTo>
                <a:close/>
                <a:moveTo>
                  <a:pt x="0" y="3200906"/>
                </a:moveTo>
                <a:cubicBezTo>
                  <a:pt x="306658" y="3291386"/>
                  <a:pt x="537576" y="3547942"/>
                  <a:pt x="582690" y="3862087"/>
                </a:cubicBezTo>
                <a:cubicBezTo>
                  <a:pt x="582857" y="3862140"/>
                  <a:pt x="583026" y="3862145"/>
                  <a:pt x="583195" y="3862150"/>
                </a:cubicBezTo>
                <a:lnTo>
                  <a:pt x="583735" y="3868787"/>
                </a:lnTo>
                <a:cubicBezTo>
                  <a:pt x="588792" y="3898794"/>
                  <a:pt x="591242" y="3929436"/>
                  <a:pt x="591199" y="3960518"/>
                </a:cubicBezTo>
                <a:cubicBezTo>
                  <a:pt x="592511" y="3966104"/>
                  <a:pt x="592570" y="3971728"/>
                  <a:pt x="592570" y="3977366"/>
                </a:cubicBezTo>
                <a:cubicBezTo>
                  <a:pt x="592570" y="3981158"/>
                  <a:pt x="592543" y="3984944"/>
                  <a:pt x="591977" y="3988716"/>
                </a:cubicBezTo>
                <a:lnTo>
                  <a:pt x="591478" y="3988683"/>
                </a:lnTo>
                <a:lnTo>
                  <a:pt x="591452" y="3989174"/>
                </a:lnTo>
                <a:lnTo>
                  <a:pt x="574334" y="3987561"/>
                </a:lnTo>
                <a:cubicBezTo>
                  <a:pt x="541959" y="3987038"/>
                  <a:pt x="510079" y="3984080"/>
                  <a:pt x="478907" y="3978570"/>
                </a:cubicBezTo>
                <a:cubicBezTo>
                  <a:pt x="473330" y="3978986"/>
                  <a:pt x="468001" y="3978045"/>
                  <a:pt x="462690" y="3977042"/>
                </a:cubicBezTo>
                <a:lnTo>
                  <a:pt x="462574" y="3975903"/>
                </a:lnTo>
                <a:cubicBezTo>
                  <a:pt x="282200" y="3946281"/>
                  <a:pt x="121485" y="3861168"/>
                  <a:pt x="0" y="3739225"/>
                </a:cubicBezTo>
                <a:lnTo>
                  <a:pt x="0" y="3534056"/>
                </a:lnTo>
                <a:cubicBezTo>
                  <a:pt x="97584" y="3690562"/>
                  <a:pt x="258975" y="3804918"/>
                  <a:pt x="449203" y="3845480"/>
                </a:cubicBezTo>
                <a:cubicBezTo>
                  <a:pt x="402182" y="3608252"/>
                  <a:pt x="229297" y="3414390"/>
                  <a:pt x="0" y="3332205"/>
                </a:cubicBezTo>
                <a:close/>
                <a:moveTo>
                  <a:pt x="11608704" y="3161219"/>
                </a:moveTo>
                <a:lnTo>
                  <a:pt x="11625791" y="3162829"/>
                </a:lnTo>
                <a:cubicBezTo>
                  <a:pt x="11658177" y="3163352"/>
                  <a:pt x="11690070" y="3166310"/>
                  <a:pt x="11721253" y="3171823"/>
                </a:cubicBezTo>
                <a:cubicBezTo>
                  <a:pt x="11726829" y="3171407"/>
                  <a:pt x="11732157" y="3172348"/>
                  <a:pt x="11737466" y="3173350"/>
                </a:cubicBezTo>
                <a:lnTo>
                  <a:pt x="11737583" y="3174489"/>
                </a:lnTo>
                <a:cubicBezTo>
                  <a:pt x="11914088" y="3203476"/>
                  <a:pt x="12071767" y="3285599"/>
                  <a:pt x="12192000" y="3403667"/>
                </a:cubicBezTo>
                <a:lnTo>
                  <a:pt x="12192000" y="3603658"/>
                </a:lnTo>
                <a:cubicBezTo>
                  <a:pt x="12093732" y="3453636"/>
                  <a:pt x="11935983" y="3344367"/>
                  <a:pt x="11750953" y="3304913"/>
                </a:cubicBezTo>
                <a:cubicBezTo>
                  <a:pt x="11797422" y="3539349"/>
                  <a:pt x="11966808" y="3731433"/>
                  <a:pt x="12192000" y="3815480"/>
                </a:cubicBezTo>
                <a:lnTo>
                  <a:pt x="12192000" y="3947482"/>
                </a:lnTo>
                <a:cubicBezTo>
                  <a:pt x="11889465" y="3854506"/>
                  <a:pt x="11662185" y="3599697"/>
                  <a:pt x="11617468" y="3288305"/>
                </a:cubicBezTo>
                <a:cubicBezTo>
                  <a:pt x="11617300" y="3288253"/>
                  <a:pt x="11617132" y="3288248"/>
                  <a:pt x="11616962" y="3288243"/>
                </a:cubicBezTo>
                <a:lnTo>
                  <a:pt x="11616424" y="3281619"/>
                </a:lnTo>
                <a:cubicBezTo>
                  <a:pt x="11611365" y="3251607"/>
                  <a:pt x="11608914" y="3220958"/>
                  <a:pt x="11608957" y="3189869"/>
                </a:cubicBezTo>
                <a:cubicBezTo>
                  <a:pt x="11607645" y="3184286"/>
                  <a:pt x="11607586" y="3178663"/>
                  <a:pt x="11607586" y="3173027"/>
                </a:cubicBezTo>
                <a:lnTo>
                  <a:pt x="11608180" y="3161677"/>
                </a:lnTo>
                <a:lnTo>
                  <a:pt x="11608678" y="3161709"/>
                </a:lnTo>
                <a:close/>
                <a:moveTo>
                  <a:pt x="11594916" y="3161219"/>
                </a:moveTo>
                <a:lnTo>
                  <a:pt x="11594942" y="3161709"/>
                </a:lnTo>
                <a:lnTo>
                  <a:pt x="11595440" y="3161677"/>
                </a:lnTo>
                <a:lnTo>
                  <a:pt x="11596034" y="3173027"/>
                </a:lnTo>
                <a:cubicBezTo>
                  <a:pt x="11596034" y="3178663"/>
                  <a:pt x="11595975" y="3184286"/>
                  <a:pt x="11594663" y="3189869"/>
                </a:cubicBezTo>
                <a:cubicBezTo>
                  <a:pt x="11594706" y="3220958"/>
                  <a:pt x="11592255" y="3251607"/>
                  <a:pt x="11587196" y="3281619"/>
                </a:cubicBezTo>
                <a:lnTo>
                  <a:pt x="11586658" y="3288243"/>
                </a:lnTo>
                <a:cubicBezTo>
                  <a:pt x="11586488" y="3288248"/>
                  <a:pt x="11586320" y="3288253"/>
                  <a:pt x="11586152" y="3288305"/>
                </a:cubicBezTo>
                <a:cubicBezTo>
                  <a:pt x="11535877" y="3638399"/>
                  <a:pt x="11254838" y="3916971"/>
                  <a:pt x="10895987" y="3975903"/>
                </a:cubicBezTo>
                <a:lnTo>
                  <a:pt x="10895871" y="3977042"/>
                </a:lnTo>
                <a:cubicBezTo>
                  <a:pt x="10890560" y="3978045"/>
                  <a:pt x="10885231" y="3978986"/>
                  <a:pt x="10879654" y="3978570"/>
                </a:cubicBezTo>
                <a:cubicBezTo>
                  <a:pt x="10848482" y="3984080"/>
                  <a:pt x="10816602" y="3987038"/>
                  <a:pt x="10784227" y="3987561"/>
                </a:cubicBezTo>
                <a:lnTo>
                  <a:pt x="10767109" y="3989174"/>
                </a:lnTo>
                <a:lnTo>
                  <a:pt x="10767083" y="3988683"/>
                </a:lnTo>
                <a:lnTo>
                  <a:pt x="10766584" y="3988716"/>
                </a:lnTo>
                <a:cubicBezTo>
                  <a:pt x="10766018" y="3984944"/>
                  <a:pt x="10765991" y="3981158"/>
                  <a:pt x="10765991" y="3977366"/>
                </a:cubicBezTo>
                <a:cubicBezTo>
                  <a:pt x="10765991" y="3971728"/>
                  <a:pt x="10766050" y="3966104"/>
                  <a:pt x="10767362" y="3960518"/>
                </a:cubicBezTo>
                <a:cubicBezTo>
                  <a:pt x="10767319" y="3929436"/>
                  <a:pt x="10769769" y="3898794"/>
                  <a:pt x="10774826" y="3868787"/>
                </a:cubicBezTo>
                <a:lnTo>
                  <a:pt x="10775366" y="3862150"/>
                </a:lnTo>
                <a:cubicBezTo>
                  <a:pt x="10775535" y="3862145"/>
                  <a:pt x="10775704" y="3862140"/>
                  <a:pt x="10775872" y="3862087"/>
                </a:cubicBezTo>
                <a:cubicBezTo>
                  <a:pt x="10826148" y="3511992"/>
                  <a:pt x="11107187" y="3233421"/>
                  <a:pt x="11466037" y="3174489"/>
                </a:cubicBezTo>
                <a:lnTo>
                  <a:pt x="11466154" y="3173350"/>
                </a:lnTo>
                <a:cubicBezTo>
                  <a:pt x="11471463" y="3172348"/>
                  <a:pt x="11476791" y="3171407"/>
                  <a:pt x="11482367" y="3171823"/>
                </a:cubicBezTo>
                <a:cubicBezTo>
                  <a:pt x="11513550" y="3166310"/>
                  <a:pt x="11545443" y="3163352"/>
                  <a:pt x="11577829" y="3162829"/>
                </a:cubicBezTo>
                <a:close/>
                <a:moveTo>
                  <a:pt x="9916551" y="3161219"/>
                </a:moveTo>
                <a:lnTo>
                  <a:pt x="9933638" y="3162829"/>
                </a:lnTo>
                <a:cubicBezTo>
                  <a:pt x="9966024" y="3163352"/>
                  <a:pt x="9997917" y="3166310"/>
                  <a:pt x="10029100" y="3171823"/>
                </a:cubicBezTo>
                <a:cubicBezTo>
                  <a:pt x="10034676" y="3171407"/>
                  <a:pt x="10040004" y="3172348"/>
                  <a:pt x="10045313" y="3173350"/>
                </a:cubicBezTo>
                <a:lnTo>
                  <a:pt x="10045430" y="3174489"/>
                </a:lnTo>
                <a:cubicBezTo>
                  <a:pt x="10404280" y="3233421"/>
                  <a:pt x="10685319" y="3511992"/>
                  <a:pt x="10735596" y="3862087"/>
                </a:cubicBezTo>
                <a:cubicBezTo>
                  <a:pt x="10735763" y="3862140"/>
                  <a:pt x="10735932" y="3862145"/>
                  <a:pt x="10736101" y="3862150"/>
                </a:cubicBezTo>
                <a:lnTo>
                  <a:pt x="10736641" y="3868787"/>
                </a:lnTo>
                <a:cubicBezTo>
                  <a:pt x="10741698" y="3898794"/>
                  <a:pt x="10744148" y="3929436"/>
                  <a:pt x="10744105" y="3960518"/>
                </a:cubicBezTo>
                <a:cubicBezTo>
                  <a:pt x="10745417" y="3966104"/>
                  <a:pt x="10745476" y="3971728"/>
                  <a:pt x="10745476" y="3977366"/>
                </a:cubicBezTo>
                <a:cubicBezTo>
                  <a:pt x="10745476" y="3981158"/>
                  <a:pt x="10745449" y="3984944"/>
                  <a:pt x="10744883" y="3988716"/>
                </a:cubicBezTo>
                <a:lnTo>
                  <a:pt x="10744384" y="3988683"/>
                </a:lnTo>
                <a:lnTo>
                  <a:pt x="10744358" y="3989174"/>
                </a:lnTo>
                <a:lnTo>
                  <a:pt x="10727240" y="3987561"/>
                </a:lnTo>
                <a:cubicBezTo>
                  <a:pt x="10694865" y="3987038"/>
                  <a:pt x="10662985" y="3984080"/>
                  <a:pt x="10631813" y="3978570"/>
                </a:cubicBezTo>
                <a:cubicBezTo>
                  <a:pt x="10626236" y="3978986"/>
                  <a:pt x="10620907" y="3978045"/>
                  <a:pt x="10615596" y="3977042"/>
                </a:cubicBezTo>
                <a:lnTo>
                  <a:pt x="10615480" y="3975903"/>
                </a:lnTo>
                <a:cubicBezTo>
                  <a:pt x="10256629" y="3916971"/>
                  <a:pt x="9975590" y="3638399"/>
                  <a:pt x="9925315" y="3288305"/>
                </a:cubicBezTo>
                <a:cubicBezTo>
                  <a:pt x="9925147" y="3288253"/>
                  <a:pt x="9924979" y="3288248"/>
                  <a:pt x="9924809" y="3288243"/>
                </a:cubicBezTo>
                <a:lnTo>
                  <a:pt x="9924271" y="3281619"/>
                </a:lnTo>
                <a:cubicBezTo>
                  <a:pt x="9919212" y="3251607"/>
                  <a:pt x="9916761" y="3220958"/>
                  <a:pt x="9916804" y="3189869"/>
                </a:cubicBezTo>
                <a:cubicBezTo>
                  <a:pt x="9915492" y="3184286"/>
                  <a:pt x="9915433" y="3178663"/>
                  <a:pt x="9915433" y="3173027"/>
                </a:cubicBezTo>
                <a:lnTo>
                  <a:pt x="9916027" y="3161677"/>
                </a:lnTo>
                <a:lnTo>
                  <a:pt x="9916525" y="3161709"/>
                </a:lnTo>
                <a:close/>
                <a:moveTo>
                  <a:pt x="9902763" y="3161219"/>
                </a:moveTo>
                <a:lnTo>
                  <a:pt x="9902789" y="3161709"/>
                </a:lnTo>
                <a:lnTo>
                  <a:pt x="9903287" y="3161677"/>
                </a:lnTo>
                <a:lnTo>
                  <a:pt x="9903881" y="3173027"/>
                </a:lnTo>
                <a:cubicBezTo>
                  <a:pt x="9903881" y="3178663"/>
                  <a:pt x="9903822" y="3184286"/>
                  <a:pt x="9902510" y="3189869"/>
                </a:cubicBezTo>
                <a:cubicBezTo>
                  <a:pt x="9902553" y="3220958"/>
                  <a:pt x="9900102" y="3251607"/>
                  <a:pt x="9895043" y="3281619"/>
                </a:cubicBezTo>
                <a:lnTo>
                  <a:pt x="9894505" y="3288243"/>
                </a:lnTo>
                <a:cubicBezTo>
                  <a:pt x="9894335" y="3288248"/>
                  <a:pt x="9894167" y="3288253"/>
                  <a:pt x="9893999" y="3288305"/>
                </a:cubicBezTo>
                <a:cubicBezTo>
                  <a:pt x="9843724" y="3638399"/>
                  <a:pt x="9562685" y="3916971"/>
                  <a:pt x="9203834" y="3975903"/>
                </a:cubicBezTo>
                <a:lnTo>
                  <a:pt x="9203718" y="3977042"/>
                </a:lnTo>
                <a:cubicBezTo>
                  <a:pt x="9198407" y="3978045"/>
                  <a:pt x="9193078" y="3978986"/>
                  <a:pt x="9187501" y="3978570"/>
                </a:cubicBezTo>
                <a:cubicBezTo>
                  <a:pt x="9156329" y="3984080"/>
                  <a:pt x="9124449" y="3987038"/>
                  <a:pt x="9092074" y="3987561"/>
                </a:cubicBezTo>
                <a:lnTo>
                  <a:pt x="9074956" y="3989174"/>
                </a:lnTo>
                <a:lnTo>
                  <a:pt x="9074930" y="3988683"/>
                </a:lnTo>
                <a:lnTo>
                  <a:pt x="9074431" y="3988716"/>
                </a:lnTo>
                <a:cubicBezTo>
                  <a:pt x="9073865" y="3984944"/>
                  <a:pt x="9073838" y="3981158"/>
                  <a:pt x="9073838" y="3977366"/>
                </a:cubicBezTo>
                <a:cubicBezTo>
                  <a:pt x="9073838" y="3971728"/>
                  <a:pt x="9073897" y="3966104"/>
                  <a:pt x="9075209" y="3960518"/>
                </a:cubicBezTo>
                <a:cubicBezTo>
                  <a:pt x="9075166" y="3929436"/>
                  <a:pt x="9077616" y="3898794"/>
                  <a:pt x="9082673" y="3868787"/>
                </a:cubicBezTo>
                <a:lnTo>
                  <a:pt x="9083213" y="3862150"/>
                </a:lnTo>
                <a:cubicBezTo>
                  <a:pt x="9083382" y="3862145"/>
                  <a:pt x="9083551" y="3862140"/>
                  <a:pt x="9083718" y="3862087"/>
                </a:cubicBezTo>
                <a:cubicBezTo>
                  <a:pt x="9133995" y="3511992"/>
                  <a:pt x="9415034" y="3233421"/>
                  <a:pt x="9773884" y="3174489"/>
                </a:cubicBezTo>
                <a:lnTo>
                  <a:pt x="9774001" y="3173350"/>
                </a:lnTo>
                <a:cubicBezTo>
                  <a:pt x="9779310" y="3172348"/>
                  <a:pt x="9784638" y="3171407"/>
                  <a:pt x="9790214" y="3171823"/>
                </a:cubicBezTo>
                <a:cubicBezTo>
                  <a:pt x="9821397" y="3166310"/>
                  <a:pt x="9853290" y="3163352"/>
                  <a:pt x="9885676" y="3162829"/>
                </a:cubicBezTo>
                <a:close/>
                <a:moveTo>
                  <a:pt x="8224400" y="3161219"/>
                </a:moveTo>
                <a:lnTo>
                  <a:pt x="8241488" y="3162829"/>
                </a:lnTo>
                <a:cubicBezTo>
                  <a:pt x="8273873" y="3163352"/>
                  <a:pt x="8305766" y="3166310"/>
                  <a:pt x="8336949" y="3171823"/>
                </a:cubicBezTo>
                <a:cubicBezTo>
                  <a:pt x="8342525" y="3171407"/>
                  <a:pt x="8347853" y="3172348"/>
                  <a:pt x="8353162" y="3173350"/>
                </a:cubicBezTo>
                <a:lnTo>
                  <a:pt x="8353279" y="3174489"/>
                </a:lnTo>
                <a:cubicBezTo>
                  <a:pt x="8712129" y="3233421"/>
                  <a:pt x="8993168" y="3511992"/>
                  <a:pt x="9043444" y="3862087"/>
                </a:cubicBezTo>
                <a:cubicBezTo>
                  <a:pt x="9043612" y="3862140"/>
                  <a:pt x="9043781" y="3862145"/>
                  <a:pt x="9043950" y="3862150"/>
                </a:cubicBezTo>
                <a:lnTo>
                  <a:pt x="9044490" y="3868787"/>
                </a:lnTo>
                <a:cubicBezTo>
                  <a:pt x="9049547" y="3898794"/>
                  <a:pt x="9051997" y="3929436"/>
                  <a:pt x="9051954" y="3960518"/>
                </a:cubicBezTo>
                <a:cubicBezTo>
                  <a:pt x="9053266" y="3966104"/>
                  <a:pt x="9053325" y="3971728"/>
                  <a:pt x="9053325" y="3977366"/>
                </a:cubicBezTo>
                <a:cubicBezTo>
                  <a:pt x="9053325" y="3981158"/>
                  <a:pt x="9053298" y="3984944"/>
                  <a:pt x="9052732" y="3988716"/>
                </a:cubicBezTo>
                <a:lnTo>
                  <a:pt x="9052233" y="3988683"/>
                </a:lnTo>
                <a:lnTo>
                  <a:pt x="9052207" y="3989174"/>
                </a:lnTo>
                <a:lnTo>
                  <a:pt x="9035089" y="3987561"/>
                </a:lnTo>
                <a:cubicBezTo>
                  <a:pt x="9002714" y="3987038"/>
                  <a:pt x="8970834" y="3984080"/>
                  <a:pt x="8939662" y="3978570"/>
                </a:cubicBezTo>
                <a:cubicBezTo>
                  <a:pt x="8934085" y="3978986"/>
                  <a:pt x="8928756" y="3978045"/>
                  <a:pt x="8923445" y="3977042"/>
                </a:cubicBezTo>
                <a:lnTo>
                  <a:pt x="8923329" y="3975903"/>
                </a:lnTo>
                <a:cubicBezTo>
                  <a:pt x="8564478" y="3916971"/>
                  <a:pt x="8283439" y="3638399"/>
                  <a:pt x="8233164" y="3288305"/>
                </a:cubicBezTo>
                <a:cubicBezTo>
                  <a:pt x="8232996" y="3288253"/>
                  <a:pt x="8232828" y="3288248"/>
                  <a:pt x="8232658" y="3288243"/>
                </a:cubicBezTo>
                <a:lnTo>
                  <a:pt x="8232120" y="3281619"/>
                </a:lnTo>
                <a:cubicBezTo>
                  <a:pt x="8227061" y="3251607"/>
                  <a:pt x="8224611" y="3220958"/>
                  <a:pt x="8224653" y="3189869"/>
                </a:cubicBezTo>
                <a:cubicBezTo>
                  <a:pt x="8223341" y="3184286"/>
                  <a:pt x="8223282" y="3178663"/>
                  <a:pt x="8223282" y="3173027"/>
                </a:cubicBezTo>
                <a:lnTo>
                  <a:pt x="8223876" y="3161677"/>
                </a:lnTo>
                <a:lnTo>
                  <a:pt x="8224374" y="3161709"/>
                </a:lnTo>
                <a:close/>
                <a:moveTo>
                  <a:pt x="8210612" y="3161219"/>
                </a:moveTo>
                <a:lnTo>
                  <a:pt x="8210638" y="3161709"/>
                </a:lnTo>
                <a:lnTo>
                  <a:pt x="8211136" y="3161677"/>
                </a:lnTo>
                <a:lnTo>
                  <a:pt x="8211730" y="3173027"/>
                </a:lnTo>
                <a:cubicBezTo>
                  <a:pt x="8211730" y="3178663"/>
                  <a:pt x="8211672" y="3184286"/>
                  <a:pt x="8210360" y="3189869"/>
                </a:cubicBezTo>
                <a:cubicBezTo>
                  <a:pt x="8210402" y="3220958"/>
                  <a:pt x="8207951" y="3251607"/>
                  <a:pt x="8202893" y="3281619"/>
                </a:cubicBezTo>
                <a:lnTo>
                  <a:pt x="8202354" y="3288243"/>
                </a:lnTo>
                <a:cubicBezTo>
                  <a:pt x="8202185" y="3288248"/>
                  <a:pt x="8202016" y="3288253"/>
                  <a:pt x="8201849" y="3288305"/>
                </a:cubicBezTo>
                <a:cubicBezTo>
                  <a:pt x="8151573" y="3638399"/>
                  <a:pt x="7870534" y="3916971"/>
                  <a:pt x="7511683" y="3975903"/>
                </a:cubicBezTo>
                <a:lnTo>
                  <a:pt x="7511567" y="3977042"/>
                </a:lnTo>
                <a:cubicBezTo>
                  <a:pt x="7506256" y="3978045"/>
                  <a:pt x="7500927" y="3978986"/>
                  <a:pt x="7495350" y="3978570"/>
                </a:cubicBezTo>
                <a:cubicBezTo>
                  <a:pt x="7464178" y="3984080"/>
                  <a:pt x="7432298" y="3987038"/>
                  <a:pt x="7399924" y="3987561"/>
                </a:cubicBezTo>
                <a:lnTo>
                  <a:pt x="7382805" y="3989174"/>
                </a:lnTo>
                <a:lnTo>
                  <a:pt x="7382779" y="3988683"/>
                </a:lnTo>
                <a:lnTo>
                  <a:pt x="7382280" y="3988716"/>
                </a:lnTo>
                <a:cubicBezTo>
                  <a:pt x="7381714" y="3984944"/>
                  <a:pt x="7381687" y="3981158"/>
                  <a:pt x="7381687" y="3977366"/>
                </a:cubicBezTo>
                <a:cubicBezTo>
                  <a:pt x="7381687" y="3971728"/>
                  <a:pt x="7381746" y="3966104"/>
                  <a:pt x="7383058" y="3960518"/>
                </a:cubicBezTo>
                <a:cubicBezTo>
                  <a:pt x="7383016" y="3929436"/>
                  <a:pt x="7385465" y="3898794"/>
                  <a:pt x="7390522" y="3868787"/>
                </a:cubicBezTo>
                <a:lnTo>
                  <a:pt x="7391062" y="3862150"/>
                </a:lnTo>
                <a:cubicBezTo>
                  <a:pt x="7391231" y="3862145"/>
                  <a:pt x="7391400" y="3862140"/>
                  <a:pt x="7391568" y="3862087"/>
                </a:cubicBezTo>
                <a:cubicBezTo>
                  <a:pt x="7441844" y="3511992"/>
                  <a:pt x="7722883" y="3233421"/>
                  <a:pt x="8081734" y="3174489"/>
                </a:cubicBezTo>
                <a:lnTo>
                  <a:pt x="8081851" y="3173350"/>
                </a:lnTo>
                <a:cubicBezTo>
                  <a:pt x="8087159" y="3172348"/>
                  <a:pt x="8092487" y="3171407"/>
                  <a:pt x="8098063" y="3171823"/>
                </a:cubicBezTo>
                <a:cubicBezTo>
                  <a:pt x="8129247" y="3166310"/>
                  <a:pt x="8161139" y="3163352"/>
                  <a:pt x="8193525" y="3162829"/>
                </a:cubicBezTo>
                <a:close/>
                <a:moveTo>
                  <a:pt x="6532249" y="3161219"/>
                </a:moveTo>
                <a:lnTo>
                  <a:pt x="6549337" y="3162829"/>
                </a:lnTo>
                <a:cubicBezTo>
                  <a:pt x="6581722" y="3163352"/>
                  <a:pt x="6613615" y="3166310"/>
                  <a:pt x="6644798" y="3171823"/>
                </a:cubicBezTo>
                <a:cubicBezTo>
                  <a:pt x="6650374" y="3171407"/>
                  <a:pt x="6655702" y="3172348"/>
                  <a:pt x="6661011" y="3173350"/>
                </a:cubicBezTo>
                <a:lnTo>
                  <a:pt x="6661128" y="3174489"/>
                </a:lnTo>
                <a:cubicBezTo>
                  <a:pt x="7019978" y="3233421"/>
                  <a:pt x="7301017" y="3511992"/>
                  <a:pt x="7351294" y="3862087"/>
                </a:cubicBezTo>
                <a:cubicBezTo>
                  <a:pt x="7351461" y="3862140"/>
                  <a:pt x="7351631" y="3862145"/>
                  <a:pt x="7351799" y="3862150"/>
                </a:cubicBezTo>
                <a:lnTo>
                  <a:pt x="7352340" y="3868787"/>
                </a:lnTo>
                <a:cubicBezTo>
                  <a:pt x="7357396" y="3898794"/>
                  <a:pt x="7359846" y="3929436"/>
                  <a:pt x="7359804" y="3960518"/>
                </a:cubicBezTo>
                <a:cubicBezTo>
                  <a:pt x="7361116" y="3966104"/>
                  <a:pt x="7361174" y="3971728"/>
                  <a:pt x="7361174" y="3977366"/>
                </a:cubicBezTo>
                <a:cubicBezTo>
                  <a:pt x="7361174" y="3981158"/>
                  <a:pt x="7361147" y="3984944"/>
                  <a:pt x="7360581" y="3988716"/>
                </a:cubicBezTo>
                <a:lnTo>
                  <a:pt x="7360082" y="3988683"/>
                </a:lnTo>
                <a:lnTo>
                  <a:pt x="7360056" y="3989174"/>
                </a:lnTo>
                <a:lnTo>
                  <a:pt x="7342938" y="3987561"/>
                </a:lnTo>
                <a:cubicBezTo>
                  <a:pt x="7310564" y="3987038"/>
                  <a:pt x="7278683" y="3984080"/>
                  <a:pt x="7247511" y="3978570"/>
                </a:cubicBezTo>
                <a:cubicBezTo>
                  <a:pt x="7241934" y="3978986"/>
                  <a:pt x="7236605" y="3978045"/>
                  <a:pt x="7231295" y="3977042"/>
                </a:cubicBezTo>
                <a:lnTo>
                  <a:pt x="7231179" y="3975903"/>
                </a:lnTo>
                <a:cubicBezTo>
                  <a:pt x="6872327" y="3916971"/>
                  <a:pt x="6591288" y="3638399"/>
                  <a:pt x="6541013" y="3288305"/>
                </a:cubicBezTo>
                <a:cubicBezTo>
                  <a:pt x="6540845" y="3288253"/>
                  <a:pt x="6540677" y="3288248"/>
                  <a:pt x="6540507" y="3288243"/>
                </a:cubicBezTo>
                <a:lnTo>
                  <a:pt x="6539969" y="3281619"/>
                </a:lnTo>
                <a:cubicBezTo>
                  <a:pt x="6534910" y="3251607"/>
                  <a:pt x="6532460" y="3220958"/>
                  <a:pt x="6532502" y="3189869"/>
                </a:cubicBezTo>
                <a:cubicBezTo>
                  <a:pt x="6531190" y="3184286"/>
                  <a:pt x="6531131" y="3178663"/>
                  <a:pt x="6531131" y="3173027"/>
                </a:cubicBezTo>
                <a:lnTo>
                  <a:pt x="6531725" y="3161677"/>
                </a:lnTo>
                <a:lnTo>
                  <a:pt x="6532223" y="3161709"/>
                </a:lnTo>
                <a:close/>
                <a:moveTo>
                  <a:pt x="6518461" y="3161219"/>
                </a:moveTo>
                <a:lnTo>
                  <a:pt x="6518487" y="3161709"/>
                </a:lnTo>
                <a:lnTo>
                  <a:pt x="6518985" y="3161677"/>
                </a:lnTo>
                <a:lnTo>
                  <a:pt x="6519579" y="3173027"/>
                </a:lnTo>
                <a:cubicBezTo>
                  <a:pt x="6519579" y="3178663"/>
                  <a:pt x="6519520" y="3184286"/>
                  <a:pt x="6518208" y="3189869"/>
                </a:cubicBezTo>
                <a:cubicBezTo>
                  <a:pt x="6518250" y="3220958"/>
                  <a:pt x="6515800" y="3251607"/>
                  <a:pt x="6510741" y="3281619"/>
                </a:cubicBezTo>
                <a:lnTo>
                  <a:pt x="6510203" y="3288243"/>
                </a:lnTo>
                <a:cubicBezTo>
                  <a:pt x="6510033" y="3288248"/>
                  <a:pt x="6509865" y="3288253"/>
                  <a:pt x="6509697" y="3288305"/>
                </a:cubicBezTo>
                <a:cubicBezTo>
                  <a:pt x="6459422" y="3638399"/>
                  <a:pt x="6178383" y="3916971"/>
                  <a:pt x="5819531" y="3975903"/>
                </a:cubicBezTo>
                <a:lnTo>
                  <a:pt x="5819415" y="3977042"/>
                </a:lnTo>
                <a:cubicBezTo>
                  <a:pt x="5814105" y="3978045"/>
                  <a:pt x="5808776" y="3978986"/>
                  <a:pt x="5803199" y="3978570"/>
                </a:cubicBezTo>
                <a:cubicBezTo>
                  <a:pt x="5772027" y="3984080"/>
                  <a:pt x="5740146" y="3987038"/>
                  <a:pt x="5707772" y="3987561"/>
                </a:cubicBezTo>
                <a:lnTo>
                  <a:pt x="5690654" y="3989174"/>
                </a:lnTo>
                <a:lnTo>
                  <a:pt x="5690628" y="3988683"/>
                </a:lnTo>
                <a:lnTo>
                  <a:pt x="5690129" y="3988716"/>
                </a:lnTo>
                <a:cubicBezTo>
                  <a:pt x="5689563" y="3984944"/>
                  <a:pt x="5689536" y="3981158"/>
                  <a:pt x="5689536" y="3977366"/>
                </a:cubicBezTo>
                <a:cubicBezTo>
                  <a:pt x="5689536" y="3971728"/>
                  <a:pt x="5689594" y="3966104"/>
                  <a:pt x="5690906" y="3960518"/>
                </a:cubicBezTo>
                <a:cubicBezTo>
                  <a:pt x="5690864" y="3929436"/>
                  <a:pt x="5693314" y="3898794"/>
                  <a:pt x="5698370" y="3868787"/>
                </a:cubicBezTo>
                <a:lnTo>
                  <a:pt x="5698911" y="3862150"/>
                </a:lnTo>
                <a:cubicBezTo>
                  <a:pt x="5699079" y="3862145"/>
                  <a:pt x="5699249" y="3862140"/>
                  <a:pt x="5699416" y="3862087"/>
                </a:cubicBezTo>
                <a:cubicBezTo>
                  <a:pt x="5749693" y="3511992"/>
                  <a:pt x="6030732" y="3233421"/>
                  <a:pt x="6389582" y="3174489"/>
                </a:cubicBezTo>
                <a:lnTo>
                  <a:pt x="6389699" y="3173350"/>
                </a:lnTo>
                <a:cubicBezTo>
                  <a:pt x="6395008" y="3172348"/>
                  <a:pt x="6400336" y="3171407"/>
                  <a:pt x="6405912" y="3171823"/>
                </a:cubicBezTo>
                <a:cubicBezTo>
                  <a:pt x="6437095" y="3166310"/>
                  <a:pt x="6468988" y="3163352"/>
                  <a:pt x="6501373" y="3162829"/>
                </a:cubicBezTo>
                <a:close/>
                <a:moveTo>
                  <a:pt x="4840098" y="3161219"/>
                </a:moveTo>
                <a:lnTo>
                  <a:pt x="4857185" y="3162829"/>
                </a:lnTo>
                <a:cubicBezTo>
                  <a:pt x="4889571" y="3163352"/>
                  <a:pt x="4921463" y="3166310"/>
                  <a:pt x="4952647" y="3171823"/>
                </a:cubicBezTo>
                <a:cubicBezTo>
                  <a:pt x="4958223" y="3171407"/>
                  <a:pt x="4963551" y="3172348"/>
                  <a:pt x="4968859" y="3173350"/>
                </a:cubicBezTo>
                <a:lnTo>
                  <a:pt x="4968976" y="3174489"/>
                </a:lnTo>
                <a:cubicBezTo>
                  <a:pt x="5327827" y="3233421"/>
                  <a:pt x="5608866" y="3511992"/>
                  <a:pt x="5659142" y="3862087"/>
                </a:cubicBezTo>
                <a:cubicBezTo>
                  <a:pt x="5659310" y="3862140"/>
                  <a:pt x="5659479" y="3862145"/>
                  <a:pt x="5659648" y="3862150"/>
                </a:cubicBezTo>
                <a:lnTo>
                  <a:pt x="5660188" y="3868787"/>
                </a:lnTo>
                <a:cubicBezTo>
                  <a:pt x="5665245" y="3898794"/>
                  <a:pt x="5667694" y="3929436"/>
                  <a:pt x="5667652" y="3960518"/>
                </a:cubicBezTo>
                <a:cubicBezTo>
                  <a:pt x="5668964" y="3966104"/>
                  <a:pt x="5669023" y="3971728"/>
                  <a:pt x="5669023" y="3977366"/>
                </a:cubicBezTo>
                <a:cubicBezTo>
                  <a:pt x="5669023" y="3981158"/>
                  <a:pt x="5668996" y="3984944"/>
                  <a:pt x="5668430" y="3988716"/>
                </a:cubicBezTo>
                <a:lnTo>
                  <a:pt x="5667931" y="3988683"/>
                </a:lnTo>
                <a:lnTo>
                  <a:pt x="5667905" y="3989174"/>
                </a:lnTo>
                <a:lnTo>
                  <a:pt x="5650786" y="3987561"/>
                </a:lnTo>
                <a:cubicBezTo>
                  <a:pt x="5618412" y="3987038"/>
                  <a:pt x="5586532" y="3984080"/>
                  <a:pt x="5555360" y="3978570"/>
                </a:cubicBezTo>
                <a:cubicBezTo>
                  <a:pt x="5549783" y="3978986"/>
                  <a:pt x="5544454" y="3978045"/>
                  <a:pt x="5539143" y="3977042"/>
                </a:cubicBezTo>
                <a:lnTo>
                  <a:pt x="5539027" y="3975903"/>
                </a:lnTo>
                <a:cubicBezTo>
                  <a:pt x="5180176" y="3916971"/>
                  <a:pt x="4899137" y="3638399"/>
                  <a:pt x="4848861" y="3288305"/>
                </a:cubicBezTo>
                <a:cubicBezTo>
                  <a:pt x="4848694" y="3288253"/>
                  <a:pt x="4848525" y="3288248"/>
                  <a:pt x="4848356" y="3288243"/>
                </a:cubicBezTo>
                <a:lnTo>
                  <a:pt x="4847817" y="3281619"/>
                </a:lnTo>
                <a:cubicBezTo>
                  <a:pt x="4842759" y="3251607"/>
                  <a:pt x="4840308" y="3220958"/>
                  <a:pt x="4840350" y="3189869"/>
                </a:cubicBezTo>
                <a:cubicBezTo>
                  <a:pt x="4839038" y="3184286"/>
                  <a:pt x="4838980" y="3178663"/>
                  <a:pt x="4838980" y="3173027"/>
                </a:cubicBezTo>
                <a:lnTo>
                  <a:pt x="4839574" y="3161677"/>
                </a:lnTo>
                <a:lnTo>
                  <a:pt x="4840072" y="3161709"/>
                </a:lnTo>
                <a:close/>
                <a:moveTo>
                  <a:pt x="4826310" y="3161219"/>
                </a:moveTo>
                <a:lnTo>
                  <a:pt x="4826336" y="3161709"/>
                </a:lnTo>
                <a:lnTo>
                  <a:pt x="4826834" y="3161677"/>
                </a:lnTo>
                <a:lnTo>
                  <a:pt x="4827428" y="3173027"/>
                </a:lnTo>
                <a:cubicBezTo>
                  <a:pt x="4827428" y="3178663"/>
                  <a:pt x="4827369" y="3184286"/>
                  <a:pt x="4826057" y="3189869"/>
                </a:cubicBezTo>
                <a:cubicBezTo>
                  <a:pt x="4826099" y="3220958"/>
                  <a:pt x="4823649" y="3251607"/>
                  <a:pt x="4818590" y="3281619"/>
                </a:cubicBezTo>
                <a:lnTo>
                  <a:pt x="4818052" y="3288243"/>
                </a:lnTo>
                <a:cubicBezTo>
                  <a:pt x="4817882" y="3288248"/>
                  <a:pt x="4817714" y="3288253"/>
                  <a:pt x="4817546" y="3288305"/>
                </a:cubicBezTo>
                <a:cubicBezTo>
                  <a:pt x="4767271" y="3638399"/>
                  <a:pt x="4486232" y="3916971"/>
                  <a:pt x="4127381" y="3975903"/>
                </a:cubicBezTo>
                <a:lnTo>
                  <a:pt x="4127264" y="3977042"/>
                </a:lnTo>
                <a:cubicBezTo>
                  <a:pt x="4121954" y="3978045"/>
                  <a:pt x="4116625" y="3978986"/>
                  <a:pt x="4111048" y="3978570"/>
                </a:cubicBezTo>
                <a:cubicBezTo>
                  <a:pt x="4079876" y="3984080"/>
                  <a:pt x="4047996" y="3987038"/>
                  <a:pt x="4015621" y="3987561"/>
                </a:cubicBezTo>
                <a:lnTo>
                  <a:pt x="3998503" y="3989174"/>
                </a:lnTo>
                <a:lnTo>
                  <a:pt x="3998477" y="3988683"/>
                </a:lnTo>
                <a:lnTo>
                  <a:pt x="3997978" y="3988716"/>
                </a:lnTo>
                <a:cubicBezTo>
                  <a:pt x="3997412" y="3984944"/>
                  <a:pt x="3997385" y="3981158"/>
                  <a:pt x="3997385" y="3977366"/>
                </a:cubicBezTo>
                <a:cubicBezTo>
                  <a:pt x="3997385" y="3971728"/>
                  <a:pt x="3997443" y="3966104"/>
                  <a:pt x="3998755" y="3960518"/>
                </a:cubicBezTo>
                <a:cubicBezTo>
                  <a:pt x="3998713" y="3929436"/>
                  <a:pt x="4001163" y="3898794"/>
                  <a:pt x="4006219" y="3868787"/>
                </a:cubicBezTo>
                <a:lnTo>
                  <a:pt x="4006760" y="3862150"/>
                </a:lnTo>
                <a:cubicBezTo>
                  <a:pt x="4006928" y="3862145"/>
                  <a:pt x="4007098" y="3862140"/>
                  <a:pt x="4007265" y="3862087"/>
                </a:cubicBezTo>
                <a:cubicBezTo>
                  <a:pt x="4057542" y="3511992"/>
                  <a:pt x="4338581" y="3233421"/>
                  <a:pt x="4697431" y="3174489"/>
                </a:cubicBezTo>
                <a:lnTo>
                  <a:pt x="4697548" y="3173350"/>
                </a:lnTo>
                <a:cubicBezTo>
                  <a:pt x="4702857" y="3172348"/>
                  <a:pt x="4708185" y="3171407"/>
                  <a:pt x="4713761" y="3171823"/>
                </a:cubicBezTo>
                <a:cubicBezTo>
                  <a:pt x="4744944" y="3166310"/>
                  <a:pt x="4776837" y="3163352"/>
                  <a:pt x="4809222" y="3162829"/>
                </a:cubicBezTo>
                <a:close/>
                <a:moveTo>
                  <a:pt x="3147947" y="3161219"/>
                </a:moveTo>
                <a:lnTo>
                  <a:pt x="3165034" y="3162829"/>
                </a:lnTo>
                <a:cubicBezTo>
                  <a:pt x="3197420" y="3163352"/>
                  <a:pt x="3229312" y="3166310"/>
                  <a:pt x="3260496" y="3171823"/>
                </a:cubicBezTo>
                <a:cubicBezTo>
                  <a:pt x="3266072" y="3171407"/>
                  <a:pt x="3271400" y="3172348"/>
                  <a:pt x="3276708" y="3173350"/>
                </a:cubicBezTo>
                <a:lnTo>
                  <a:pt x="3276826" y="3174489"/>
                </a:lnTo>
                <a:cubicBezTo>
                  <a:pt x="3635676" y="3233421"/>
                  <a:pt x="3916715" y="3511992"/>
                  <a:pt x="3966991" y="3862087"/>
                </a:cubicBezTo>
                <a:cubicBezTo>
                  <a:pt x="3967159" y="3862140"/>
                  <a:pt x="3967328" y="3862145"/>
                  <a:pt x="3967497" y="3862150"/>
                </a:cubicBezTo>
                <a:lnTo>
                  <a:pt x="3968037" y="3868787"/>
                </a:lnTo>
                <a:cubicBezTo>
                  <a:pt x="3973094" y="3898794"/>
                  <a:pt x="3975543" y="3929436"/>
                  <a:pt x="3975501" y="3960518"/>
                </a:cubicBezTo>
                <a:cubicBezTo>
                  <a:pt x="3976813" y="3966104"/>
                  <a:pt x="3976872" y="3971728"/>
                  <a:pt x="3976872" y="3977366"/>
                </a:cubicBezTo>
                <a:cubicBezTo>
                  <a:pt x="3976872" y="3981158"/>
                  <a:pt x="3976845" y="3984944"/>
                  <a:pt x="3976279" y="3988716"/>
                </a:cubicBezTo>
                <a:lnTo>
                  <a:pt x="3975780" y="3988683"/>
                </a:lnTo>
                <a:lnTo>
                  <a:pt x="3975754" y="3989174"/>
                </a:lnTo>
                <a:lnTo>
                  <a:pt x="3958635" y="3987561"/>
                </a:lnTo>
                <a:cubicBezTo>
                  <a:pt x="3926261" y="3987038"/>
                  <a:pt x="3894381" y="3984080"/>
                  <a:pt x="3863209" y="3978570"/>
                </a:cubicBezTo>
                <a:cubicBezTo>
                  <a:pt x="3857632" y="3978986"/>
                  <a:pt x="3852303" y="3978045"/>
                  <a:pt x="3846992" y="3977042"/>
                </a:cubicBezTo>
                <a:lnTo>
                  <a:pt x="3846876" y="3975903"/>
                </a:lnTo>
                <a:cubicBezTo>
                  <a:pt x="3488025" y="3916971"/>
                  <a:pt x="3206986" y="3638399"/>
                  <a:pt x="3156710" y="3288305"/>
                </a:cubicBezTo>
                <a:cubicBezTo>
                  <a:pt x="3156543" y="3288253"/>
                  <a:pt x="3156374" y="3288248"/>
                  <a:pt x="3156205" y="3288243"/>
                </a:cubicBezTo>
                <a:lnTo>
                  <a:pt x="3155667" y="3281619"/>
                </a:lnTo>
                <a:cubicBezTo>
                  <a:pt x="3150608" y="3251607"/>
                  <a:pt x="3148157" y="3220958"/>
                  <a:pt x="3148199" y="3189869"/>
                </a:cubicBezTo>
                <a:cubicBezTo>
                  <a:pt x="3146887" y="3184286"/>
                  <a:pt x="3146829" y="3178663"/>
                  <a:pt x="3146829" y="3173027"/>
                </a:cubicBezTo>
                <a:lnTo>
                  <a:pt x="3147423" y="3161677"/>
                </a:lnTo>
                <a:lnTo>
                  <a:pt x="3147921" y="3161709"/>
                </a:lnTo>
                <a:close/>
                <a:moveTo>
                  <a:pt x="3134159" y="3161219"/>
                </a:moveTo>
                <a:lnTo>
                  <a:pt x="3134185" y="3161709"/>
                </a:lnTo>
                <a:lnTo>
                  <a:pt x="3134683" y="3161677"/>
                </a:lnTo>
                <a:lnTo>
                  <a:pt x="3135277" y="3173027"/>
                </a:lnTo>
                <a:cubicBezTo>
                  <a:pt x="3135277" y="3178663"/>
                  <a:pt x="3135218" y="3184286"/>
                  <a:pt x="3133906" y="3189869"/>
                </a:cubicBezTo>
                <a:cubicBezTo>
                  <a:pt x="3133948" y="3220958"/>
                  <a:pt x="3131498" y="3251607"/>
                  <a:pt x="3126439" y="3281619"/>
                </a:cubicBezTo>
                <a:lnTo>
                  <a:pt x="3125901" y="3288243"/>
                </a:lnTo>
                <a:cubicBezTo>
                  <a:pt x="3125731" y="3288248"/>
                  <a:pt x="3125563" y="3288253"/>
                  <a:pt x="3125395" y="3288305"/>
                </a:cubicBezTo>
                <a:cubicBezTo>
                  <a:pt x="3075120" y="3638399"/>
                  <a:pt x="2794081" y="3916971"/>
                  <a:pt x="2435230" y="3975903"/>
                </a:cubicBezTo>
                <a:lnTo>
                  <a:pt x="2435113" y="3977042"/>
                </a:lnTo>
                <a:cubicBezTo>
                  <a:pt x="2429803" y="3978045"/>
                  <a:pt x="2424474" y="3978986"/>
                  <a:pt x="2418897" y="3978570"/>
                </a:cubicBezTo>
                <a:cubicBezTo>
                  <a:pt x="2387725" y="3984080"/>
                  <a:pt x="2355845" y="3987038"/>
                  <a:pt x="2323470" y="3987561"/>
                </a:cubicBezTo>
                <a:lnTo>
                  <a:pt x="2306352" y="3989174"/>
                </a:lnTo>
                <a:lnTo>
                  <a:pt x="2306326" y="3988683"/>
                </a:lnTo>
                <a:lnTo>
                  <a:pt x="2305827" y="3988716"/>
                </a:lnTo>
                <a:cubicBezTo>
                  <a:pt x="2305261" y="3984944"/>
                  <a:pt x="2305234" y="3981158"/>
                  <a:pt x="2305234" y="3977366"/>
                </a:cubicBezTo>
                <a:cubicBezTo>
                  <a:pt x="2305234" y="3971728"/>
                  <a:pt x="2305292" y="3966104"/>
                  <a:pt x="2306604" y="3960518"/>
                </a:cubicBezTo>
                <a:cubicBezTo>
                  <a:pt x="2306562" y="3929436"/>
                  <a:pt x="2309012" y="3898794"/>
                  <a:pt x="2314068" y="3868787"/>
                </a:cubicBezTo>
                <a:lnTo>
                  <a:pt x="2314609" y="3862150"/>
                </a:lnTo>
                <a:cubicBezTo>
                  <a:pt x="2314777" y="3862145"/>
                  <a:pt x="2314947" y="3862140"/>
                  <a:pt x="2315114" y="3862087"/>
                </a:cubicBezTo>
                <a:cubicBezTo>
                  <a:pt x="2365391" y="3511992"/>
                  <a:pt x="2646430" y="3233421"/>
                  <a:pt x="3005280" y="3174489"/>
                </a:cubicBezTo>
                <a:lnTo>
                  <a:pt x="3005397" y="3173350"/>
                </a:lnTo>
                <a:cubicBezTo>
                  <a:pt x="3010706" y="3172348"/>
                  <a:pt x="3016034" y="3171407"/>
                  <a:pt x="3021610" y="3171823"/>
                </a:cubicBezTo>
                <a:cubicBezTo>
                  <a:pt x="3052793" y="3166310"/>
                  <a:pt x="3084686" y="3163352"/>
                  <a:pt x="3117071" y="3162829"/>
                </a:cubicBezTo>
                <a:close/>
                <a:moveTo>
                  <a:pt x="1455796" y="3161219"/>
                </a:moveTo>
                <a:lnTo>
                  <a:pt x="1472883" y="3162829"/>
                </a:lnTo>
                <a:cubicBezTo>
                  <a:pt x="1505269" y="3163352"/>
                  <a:pt x="1537161" y="3166310"/>
                  <a:pt x="1568345" y="3171823"/>
                </a:cubicBezTo>
                <a:cubicBezTo>
                  <a:pt x="1573921" y="3171407"/>
                  <a:pt x="1579249" y="3172348"/>
                  <a:pt x="1584557" y="3173350"/>
                </a:cubicBezTo>
                <a:lnTo>
                  <a:pt x="1584675" y="3174489"/>
                </a:lnTo>
                <a:cubicBezTo>
                  <a:pt x="1943525" y="3233421"/>
                  <a:pt x="2224564" y="3511992"/>
                  <a:pt x="2274840" y="3862087"/>
                </a:cubicBezTo>
                <a:cubicBezTo>
                  <a:pt x="2275008" y="3862140"/>
                  <a:pt x="2275177" y="3862145"/>
                  <a:pt x="2275346" y="3862150"/>
                </a:cubicBezTo>
                <a:lnTo>
                  <a:pt x="2275886" y="3868787"/>
                </a:lnTo>
                <a:cubicBezTo>
                  <a:pt x="2280943" y="3898794"/>
                  <a:pt x="2283392" y="3929436"/>
                  <a:pt x="2283350" y="3960518"/>
                </a:cubicBezTo>
                <a:cubicBezTo>
                  <a:pt x="2284662" y="3966104"/>
                  <a:pt x="2284721" y="3971728"/>
                  <a:pt x="2284721" y="3977366"/>
                </a:cubicBezTo>
                <a:cubicBezTo>
                  <a:pt x="2284721" y="3981158"/>
                  <a:pt x="2284694" y="3984944"/>
                  <a:pt x="2284128" y="3988716"/>
                </a:cubicBezTo>
                <a:lnTo>
                  <a:pt x="2283629" y="3988683"/>
                </a:lnTo>
                <a:lnTo>
                  <a:pt x="2283603" y="3989174"/>
                </a:lnTo>
                <a:lnTo>
                  <a:pt x="2266484" y="3987561"/>
                </a:lnTo>
                <a:cubicBezTo>
                  <a:pt x="2234110" y="3987038"/>
                  <a:pt x="2202230" y="3984080"/>
                  <a:pt x="2171058" y="3978570"/>
                </a:cubicBezTo>
                <a:cubicBezTo>
                  <a:pt x="2165481" y="3978986"/>
                  <a:pt x="2160152" y="3978045"/>
                  <a:pt x="2154841" y="3977042"/>
                </a:cubicBezTo>
                <a:lnTo>
                  <a:pt x="2154725" y="3975903"/>
                </a:lnTo>
                <a:cubicBezTo>
                  <a:pt x="1795874" y="3916971"/>
                  <a:pt x="1514835" y="3638399"/>
                  <a:pt x="1464559" y="3288305"/>
                </a:cubicBezTo>
                <a:cubicBezTo>
                  <a:pt x="1464392" y="3288253"/>
                  <a:pt x="1464223" y="3288248"/>
                  <a:pt x="1464054" y="3288243"/>
                </a:cubicBezTo>
                <a:lnTo>
                  <a:pt x="1463515" y="3281619"/>
                </a:lnTo>
                <a:cubicBezTo>
                  <a:pt x="1458457" y="3251607"/>
                  <a:pt x="1456006" y="3220958"/>
                  <a:pt x="1456048" y="3189869"/>
                </a:cubicBezTo>
                <a:cubicBezTo>
                  <a:pt x="1454736" y="3184286"/>
                  <a:pt x="1454678" y="3178663"/>
                  <a:pt x="1454678" y="3173027"/>
                </a:cubicBezTo>
                <a:lnTo>
                  <a:pt x="1455272" y="3161677"/>
                </a:lnTo>
                <a:lnTo>
                  <a:pt x="1455770" y="3161709"/>
                </a:lnTo>
                <a:close/>
                <a:moveTo>
                  <a:pt x="1442008" y="3161219"/>
                </a:moveTo>
                <a:lnTo>
                  <a:pt x="1442034" y="3161709"/>
                </a:lnTo>
                <a:lnTo>
                  <a:pt x="1442532" y="3161677"/>
                </a:lnTo>
                <a:lnTo>
                  <a:pt x="1443126" y="3173027"/>
                </a:lnTo>
                <a:cubicBezTo>
                  <a:pt x="1443126" y="3178663"/>
                  <a:pt x="1443067" y="3184286"/>
                  <a:pt x="1441755" y="3189869"/>
                </a:cubicBezTo>
                <a:cubicBezTo>
                  <a:pt x="1441797" y="3220958"/>
                  <a:pt x="1439347" y="3251607"/>
                  <a:pt x="1434288" y="3281619"/>
                </a:cubicBezTo>
                <a:lnTo>
                  <a:pt x="1433750" y="3288243"/>
                </a:lnTo>
                <a:cubicBezTo>
                  <a:pt x="1433580" y="3288248"/>
                  <a:pt x="1433412" y="3288253"/>
                  <a:pt x="1433244" y="3288305"/>
                </a:cubicBezTo>
                <a:cubicBezTo>
                  <a:pt x="1382969" y="3638399"/>
                  <a:pt x="1101930" y="3916971"/>
                  <a:pt x="743079" y="3975903"/>
                </a:cubicBezTo>
                <a:lnTo>
                  <a:pt x="742962" y="3977042"/>
                </a:lnTo>
                <a:cubicBezTo>
                  <a:pt x="737652" y="3978045"/>
                  <a:pt x="732323" y="3978986"/>
                  <a:pt x="726746" y="3978570"/>
                </a:cubicBezTo>
                <a:cubicBezTo>
                  <a:pt x="695574" y="3984080"/>
                  <a:pt x="663693" y="3987038"/>
                  <a:pt x="631319" y="3987561"/>
                </a:cubicBezTo>
                <a:lnTo>
                  <a:pt x="614201" y="3989174"/>
                </a:lnTo>
                <a:lnTo>
                  <a:pt x="614175" y="3988683"/>
                </a:lnTo>
                <a:lnTo>
                  <a:pt x="613676" y="3988716"/>
                </a:lnTo>
                <a:cubicBezTo>
                  <a:pt x="613110" y="3984944"/>
                  <a:pt x="613083" y="3981158"/>
                  <a:pt x="613083" y="3977366"/>
                </a:cubicBezTo>
                <a:cubicBezTo>
                  <a:pt x="613083" y="3971728"/>
                  <a:pt x="613141" y="3966104"/>
                  <a:pt x="614453" y="3960518"/>
                </a:cubicBezTo>
                <a:cubicBezTo>
                  <a:pt x="614411" y="3929436"/>
                  <a:pt x="616861" y="3898794"/>
                  <a:pt x="621917" y="3868787"/>
                </a:cubicBezTo>
                <a:lnTo>
                  <a:pt x="622458" y="3862150"/>
                </a:lnTo>
                <a:cubicBezTo>
                  <a:pt x="622626" y="3862145"/>
                  <a:pt x="622796" y="3862140"/>
                  <a:pt x="622963" y="3862087"/>
                </a:cubicBezTo>
                <a:cubicBezTo>
                  <a:pt x="673240" y="3511992"/>
                  <a:pt x="954279" y="3233421"/>
                  <a:pt x="1313129" y="3174489"/>
                </a:cubicBezTo>
                <a:lnTo>
                  <a:pt x="1313246" y="3173350"/>
                </a:lnTo>
                <a:cubicBezTo>
                  <a:pt x="1318555" y="3172348"/>
                  <a:pt x="1323883" y="3171407"/>
                  <a:pt x="1329459" y="3171823"/>
                </a:cubicBezTo>
                <a:cubicBezTo>
                  <a:pt x="1360642" y="3166310"/>
                  <a:pt x="1392535" y="3163352"/>
                  <a:pt x="1424920" y="3162829"/>
                </a:cubicBezTo>
                <a:close/>
                <a:moveTo>
                  <a:pt x="10909360" y="2447425"/>
                </a:moveTo>
                <a:cubicBezTo>
                  <a:pt x="10962636" y="2718331"/>
                  <a:pt x="11177479" y="2933128"/>
                  <a:pt x="11452669" y="2992271"/>
                </a:cubicBezTo>
                <a:cubicBezTo>
                  <a:pt x="11399394" y="2721365"/>
                  <a:pt x="11184550" y="2506568"/>
                  <a:pt x="10909360" y="2447425"/>
                </a:cubicBezTo>
                <a:close/>
                <a:moveTo>
                  <a:pt x="10602109" y="2447425"/>
                </a:moveTo>
                <a:cubicBezTo>
                  <a:pt x="10326919" y="2506568"/>
                  <a:pt x="10112075" y="2721365"/>
                  <a:pt x="10058800" y="2992271"/>
                </a:cubicBezTo>
                <a:cubicBezTo>
                  <a:pt x="10333990" y="2933128"/>
                  <a:pt x="10548833" y="2718331"/>
                  <a:pt x="10602109" y="2447425"/>
                </a:cubicBezTo>
                <a:close/>
                <a:moveTo>
                  <a:pt x="9217207" y="2447425"/>
                </a:moveTo>
                <a:cubicBezTo>
                  <a:pt x="9270483" y="2718331"/>
                  <a:pt x="9485326" y="2933128"/>
                  <a:pt x="9760516" y="2992271"/>
                </a:cubicBezTo>
                <a:cubicBezTo>
                  <a:pt x="9707241" y="2721365"/>
                  <a:pt x="9492397" y="2506568"/>
                  <a:pt x="9217207" y="2447425"/>
                </a:cubicBezTo>
                <a:close/>
                <a:moveTo>
                  <a:pt x="8909958" y="2447425"/>
                </a:moveTo>
                <a:cubicBezTo>
                  <a:pt x="8634768" y="2506568"/>
                  <a:pt x="8419924" y="2721365"/>
                  <a:pt x="8366649" y="2992271"/>
                </a:cubicBezTo>
                <a:cubicBezTo>
                  <a:pt x="8641839" y="2933128"/>
                  <a:pt x="8856682" y="2718331"/>
                  <a:pt x="8909958" y="2447425"/>
                </a:cubicBezTo>
                <a:close/>
                <a:moveTo>
                  <a:pt x="7525056" y="2447425"/>
                </a:moveTo>
                <a:cubicBezTo>
                  <a:pt x="7578332" y="2718331"/>
                  <a:pt x="7793175" y="2933128"/>
                  <a:pt x="8068365" y="2992271"/>
                </a:cubicBezTo>
                <a:cubicBezTo>
                  <a:pt x="8015090" y="2721365"/>
                  <a:pt x="7800246" y="2506568"/>
                  <a:pt x="7525056" y="2447425"/>
                </a:cubicBezTo>
                <a:close/>
                <a:moveTo>
                  <a:pt x="7217807" y="2447425"/>
                </a:moveTo>
                <a:cubicBezTo>
                  <a:pt x="6942617" y="2506568"/>
                  <a:pt x="6727773" y="2721365"/>
                  <a:pt x="6674498" y="2992271"/>
                </a:cubicBezTo>
                <a:cubicBezTo>
                  <a:pt x="6949688" y="2933128"/>
                  <a:pt x="7164531" y="2718331"/>
                  <a:pt x="7217807" y="2447425"/>
                </a:cubicBezTo>
                <a:close/>
                <a:moveTo>
                  <a:pt x="5832905" y="2447425"/>
                </a:moveTo>
                <a:cubicBezTo>
                  <a:pt x="5886181" y="2718331"/>
                  <a:pt x="6101024" y="2933128"/>
                  <a:pt x="6376214" y="2992271"/>
                </a:cubicBezTo>
                <a:cubicBezTo>
                  <a:pt x="6322939" y="2721365"/>
                  <a:pt x="6108095" y="2506568"/>
                  <a:pt x="5832905" y="2447425"/>
                </a:cubicBezTo>
                <a:close/>
                <a:moveTo>
                  <a:pt x="5525656" y="2447425"/>
                </a:moveTo>
                <a:cubicBezTo>
                  <a:pt x="5250466" y="2506568"/>
                  <a:pt x="5035622" y="2721365"/>
                  <a:pt x="4982347" y="2992271"/>
                </a:cubicBezTo>
                <a:cubicBezTo>
                  <a:pt x="5257537" y="2933128"/>
                  <a:pt x="5472380" y="2718331"/>
                  <a:pt x="5525656" y="2447425"/>
                </a:cubicBezTo>
                <a:close/>
                <a:moveTo>
                  <a:pt x="4140754" y="2447425"/>
                </a:moveTo>
                <a:cubicBezTo>
                  <a:pt x="4194030" y="2718331"/>
                  <a:pt x="4408873" y="2933128"/>
                  <a:pt x="4684063" y="2992271"/>
                </a:cubicBezTo>
                <a:cubicBezTo>
                  <a:pt x="4630788" y="2721365"/>
                  <a:pt x="4415944" y="2506568"/>
                  <a:pt x="4140754" y="2447425"/>
                </a:cubicBezTo>
                <a:close/>
                <a:moveTo>
                  <a:pt x="3833505" y="2447425"/>
                </a:moveTo>
                <a:cubicBezTo>
                  <a:pt x="3558315" y="2506568"/>
                  <a:pt x="3343471" y="2721365"/>
                  <a:pt x="3290196" y="2992271"/>
                </a:cubicBezTo>
                <a:cubicBezTo>
                  <a:pt x="3565386" y="2933128"/>
                  <a:pt x="3780229" y="2718331"/>
                  <a:pt x="3833505" y="2447425"/>
                </a:cubicBezTo>
                <a:close/>
                <a:moveTo>
                  <a:pt x="2448603" y="2447425"/>
                </a:moveTo>
                <a:cubicBezTo>
                  <a:pt x="2501879" y="2718331"/>
                  <a:pt x="2716722" y="2933128"/>
                  <a:pt x="2991912" y="2992271"/>
                </a:cubicBezTo>
                <a:cubicBezTo>
                  <a:pt x="2938637" y="2721365"/>
                  <a:pt x="2723793" y="2506568"/>
                  <a:pt x="2448603" y="2447425"/>
                </a:cubicBezTo>
                <a:close/>
                <a:moveTo>
                  <a:pt x="2141354" y="2447425"/>
                </a:moveTo>
                <a:cubicBezTo>
                  <a:pt x="1866164" y="2506568"/>
                  <a:pt x="1651320" y="2721365"/>
                  <a:pt x="1598045" y="2992271"/>
                </a:cubicBezTo>
                <a:cubicBezTo>
                  <a:pt x="1873235" y="2933128"/>
                  <a:pt x="2088078" y="2718331"/>
                  <a:pt x="2141354" y="2447425"/>
                </a:cubicBezTo>
                <a:close/>
                <a:moveTo>
                  <a:pt x="756452" y="2447425"/>
                </a:moveTo>
                <a:cubicBezTo>
                  <a:pt x="809728" y="2718331"/>
                  <a:pt x="1024571" y="2933128"/>
                  <a:pt x="1299761" y="2992271"/>
                </a:cubicBezTo>
                <a:cubicBezTo>
                  <a:pt x="1246486" y="2721365"/>
                  <a:pt x="1031642" y="2506568"/>
                  <a:pt x="756452" y="2447425"/>
                </a:cubicBezTo>
                <a:close/>
                <a:moveTo>
                  <a:pt x="12192000" y="2344615"/>
                </a:moveTo>
                <a:lnTo>
                  <a:pt x="12192000" y="2477663"/>
                </a:lnTo>
                <a:cubicBezTo>
                  <a:pt x="11966807" y="2562375"/>
                  <a:pt x="11797421" y="2755980"/>
                  <a:pt x="11750953" y="2992271"/>
                </a:cubicBezTo>
                <a:cubicBezTo>
                  <a:pt x="11935988" y="2952504"/>
                  <a:pt x="12093739" y="2842365"/>
                  <a:pt x="12192000" y="2691161"/>
                </a:cubicBezTo>
                <a:lnTo>
                  <a:pt x="12192000" y="2892735"/>
                </a:lnTo>
                <a:cubicBezTo>
                  <a:pt x="12071770" y="3011736"/>
                  <a:pt x="11914089" y="3094511"/>
                  <a:pt x="11737582" y="3123727"/>
                </a:cubicBezTo>
                <a:lnTo>
                  <a:pt x="11737466" y="3124875"/>
                </a:lnTo>
                <a:cubicBezTo>
                  <a:pt x="11732155" y="3125886"/>
                  <a:pt x="11726826" y="3126834"/>
                  <a:pt x="11721249" y="3126415"/>
                </a:cubicBezTo>
                <a:cubicBezTo>
                  <a:pt x="11690077" y="3131969"/>
                  <a:pt x="11658197" y="3134950"/>
                  <a:pt x="11625822" y="3135477"/>
                </a:cubicBezTo>
                <a:lnTo>
                  <a:pt x="11608704" y="3137103"/>
                </a:lnTo>
                <a:lnTo>
                  <a:pt x="11608678" y="3136608"/>
                </a:lnTo>
                <a:lnTo>
                  <a:pt x="11608179" y="3136641"/>
                </a:lnTo>
                <a:cubicBezTo>
                  <a:pt x="11607613" y="3132839"/>
                  <a:pt x="11607586" y="3129023"/>
                  <a:pt x="11607586" y="3125201"/>
                </a:cubicBezTo>
                <a:cubicBezTo>
                  <a:pt x="11607586" y="3119519"/>
                  <a:pt x="11607645" y="3113850"/>
                  <a:pt x="11608957" y="3108220"/>
                </a:cubicBezTo>
                <a:cubicBezTo>
                  <a:pt x="11608914" y="3076892"/>
                  <a:pt x="11611364" y="3046007"/>
                  <a:pt x="11616421" y="3015763"/>
                </a:cubicBezTo>
                <a:lnTo>
                  <a:pt x="11616961" y="3009073"/>
                </a:lnTo>
                <a:cubicBezTo>
                  <a:pt x="11617130" y="3009068"/>
                  <a:pt x="11617299" y="3009063"/>
                  <a:pt x="11617466" y="3009010"/>
                </a:cubicBezTo>
                <a:cubicBezTo>
                  <a:pt x="11662185" y="2695154"/>
                  <a:pt x="11889463" y="2438329"/>
                  <a:pt x="12192000" y="2344615"/>
                </a:cubicBezTo>
                <a:close/>
                <a:moveTo>
                  <a:pt x="10767111" y="2302594"/>
                </a:moveTo>
                <a:lnTo>
                  <a:pt x="10784198" y="2304217"/>
                </a:lnTo>
                <a:cubicBezTo>
                  <a:pt x="10816584" y="2304744"/>
                  <a:pt x="10848477" y="2307725"/>
                  <a:pt x="10879660" y="2313282"/>
                </a:cubicBezTo>
                <a:cubicBezTo>
                  <a:pt x="10885236" y="2312863"/>
                  <a:pt x="10890564" y="2313811"/>
                  <a:pt x="10895873" y="2314821"/>
                </a:cubicBezTo>
                <a:lnTo>
                  <a:pt x="10895990" y="2315969"/>
                </a:lnTo>
                <a:cubicBezTo>
                  <a:pt x="11254840" y="2375367"/>
                  <a:pt x="11535879" y="2656144"/>
                  <a:pt x="11586156" y="3009010"/>
                </a:cubicBezTo>
                <a:cubicBezTo>
                  <a:pt x="11586323" y="3009063"/>
                  <a:pt x="11586492" y="3009068"/>
                  <a:pt x="11586661" y="3009073"/>
                </a:cubicBezTo>
                <a:lnTo>
                  <a:pt x="11587201" y="3015763"/>
                </a:lnTo>
                <a:cubicBezTo>
                  <a:pt x="11592258" y="3046007"/>
                  <a:pt x="11594708" y="3076892"/>
                  <a:pt x="11594665" y="3108220"/>
                </a:cubicBezTo>
                <a:cubicBezTo>
                  <a:pt x="11595977" y="3113850"/>
                  <a:pt x="11596036" y="3119519"/>
                  <a:pt x="11596036" y="3125201"/>
                </a:cubicBezTo>
                <a:cubicBezTo>
                  <a:pt x="11596036" y="3129023"/>
                  <a:pt x="11596009" y="3132839"/>
                  <a:pt x="11595443" y="3136641"/>
                </a:cubicBezTo>
                <a:lnTo>
                  <a:pt x="11594944" y="3136608"/>
                </a:lnTo>
                <a:lnTo>
                  <a:pt x="11594918" y="3137103"/>
                </a:lnTo>
                <a:lnTo>
                  <a:pt x="11577800" y="3135477"/>
                </a:lnTo>
                <a:cubicBezTo>
                  <a:pt x="11545425" y="3134950"/>
                  <a:pt x="11513545" y="3131969"/>
                  <a:pt x="11482373" y="3126415"/>
                </a:cubicBezTo>
                <a:cubicBezTo>
                  <a:pt x="11476796" y="3126834"/>
                  <a:pt x="11471467" y="3125886"/>
                  <a:pt x="11466156" y="3124875"/>
                </a:cubicBezTo>
                <a:lnTo>
                  <a:pt x="11466040" y="3123727"/>
                </a:lnTo>
                <a:cubicBezTo>
                  <a:pt x="11107189" y="3064328"/>
                  <a:pt x="10826150" y="2783551"/>
                  <a:pt x="10775875" y="2430686"/>
                </a:cubicBezTo>
                <a:cubicBezTo>
                  <a:pt x="10775707" y="2430633"/>
                  <a:pt x="10775539" y="2430628"/>
                  <a:pt x="10775369" y="2430623"/>
                </a:cubicBezTo>
                <a:lnTo>
                  <a:pt x="10774831" y="2423947"/>
                </a:lnTo>
                <a:cubicBezTo>
                  <a:pt x="10769772" y="2393697"/>
                  <a:pt x="10767321" y="2362806"/>
                  <a:pt x="10767364" y="2331471"/>
                </a:cubicBezTo>
                <a:cubicBezTo>
                  <a:pt x="10766052" y="2325843"/>
                  <a:pt x="10765993" y="2320176"/>
                  <a:pt x="10765993" y="2314495"/>
                </a:cubicBezTo>
                <a:lnTo>
                  <a:pt x="10766587" y="2303055"/>
                </a:lnTo>
                <a:lnTo>
                  <a:pt x="10767085" y="2303088"/>
                </a:lnTo>
                <a:close/>
                <a:moveTo>
                  <a:pt x="10744358" y="2302594"/>
                </a:moveTo>
                <a:lnTo>
                  <a:pt x="10744384" y="2303088"/>
                </a:lnTo>
                <a:lnTo>
                  <a:pt x="10744882" y="2303055"/>
                </a:lnTo>
                <a:lnTo>
                  <a:pt x="10745476" y="2314495"/>
                </a:lnTo>
                <a:cubicBezTo>
                  <a:pt x="10745476" y="2320176"/>
                  <a:pt x="10745417" y="2325843"/>
                  <a:pt x="10744105" y="2331471"/>
                </a:cubicBezTo>
                <a:cubicBezTo>
                  <a:pt x="10744148" y="2362806"/>
                  <a:pt x="10741697" y="2393697"/>
                  <a:pt x="10736638" y="2423947"/>
                </a:cubicBezTo>
                <a:lnTo>
                  <a:pt x="10736100" y="2430623"/>
                </a:lnTo>
                <a:cubicBezTo>
                  <a:pt x="10735930" y="2430628"/>
                  <a:pt x="10735762" y="2430633"/>
                  <a:pt x="10735594" y="2430686"/>
                </a:cubicBezTo>
                <a:cubicBezTo>
                  <a:pt x="10685319" y="2783551"/>
                  <a:pt x="10404280" y="3064328"/>
                  <a:pt x="10045429" y="3123727"/>
                </a:cubicBezTo>
                <a:lnTo>
                  <a:pt x="10045313" y="3124875"/>
                </a:lnTo>
                <a:cubicBezTo>
                  <a:pt x="10040002" y="3125886"/>
                  <a:pt x="10034673" y="3126834"/>
                  <a:pt x="10029096" y="3126415"/>
                </a:cubicBezTo>
                <a:cubicBezTo>
                  <a:pt x="9997924" y="3131969"/>
                  <a:pt x="9966044" y="3134950"/>
                  <a:pt x="9933669" y="3135477"/>
                </a:cubicBezTo>
                <a:lnTo>
                  <a:pt x="9916551" y="3137103"/>
                </a:lnTo>
                <a:lnTo>
                  <a:pt x="9916525" y="3136608"/>
                </a:lnTo>
                <a:lnTo>
                  <a:pt x="9916026" y="3136641"/>
                </a:lnTo>
                <a:cubicBezTo>
                  <a:pt x="9915460" y="3132839"/>
                  <a:pt x="9915433" y="3129023"/>
                  <a:pt x="9915433" y="3125201"/>
                </a:cubicBezTo>
                <a:cubicBezTo>
                  <a:pt x="9915433" y="3119519"/>
                  <a:pt x="9915492" y="3113850"/>
                  <a:pt x="9916804" y="3108220"/>
                </a:cubicBezTo>
                <a:cubicBezTo>
                  <a:pt x="9916761" y="3076892"/>
                  <a:pt x="9919211" y="3046007"/>
                  <a:pt x="9924268" y="3015763"/>
                </a:cubicBezTo>
                <a:lnTo>
                  <a:pt x="9924808" y="3009073"/>
                </a:lnTo>
                <a:cubicBezTo>
                  <a:pt x="9924977" y="3009068"/>
                  <a:pt x="9925146" y="3009063"/>
                  <a:pt x="9925314" y="3009010"/>
                </a:cubicBezTo>
                <a:cubicBezTo>
                  <a:pt x="9975590" y="2656144"/>
                  <a:pt x="10256629" y="2375367"/>
                  <a:pt x="10615479" y="2315969"/>
                </a:cubicBezTo>
                <a:lnTo>
                  <a:pt x="10615596" y="2314821"/>
                </a:lnTo>
                <a:cubicBezTo>
                  <a:pt x="10620905" y="2313811"/>
                  <a:pt x="10626233" y="2312863"/>
                  <a:pt x="10631809" y="2313282"/>
                </a:cubicBezTo>
                <a:cubicBezTo>
                  <a:pt x="10662992" y="2307725"/>
                  <a:pt x="10694885" y="2304744"/>
                  <a:pt x="10727271" y="2304217"/>
                </a:cubicBezTo>
                <a:close/>
                <a:moveTo>
                  <a:pt x="9074958" y="2302594"/>
                </a:moveTo>
                <a:lnTo>
                  <a:pt x="9092045" y="2304217"/>
                </a:lnTo>
                <a:cubicBezTo>
                  <a:pt x="9124431" y="2304744"/>
                  <a:pt x="9156324" y="2307725"/>
                  <a:pt x="9187507" y="2313282"/>
                </a:cubicBezTo>
                <a:cubicBezTo>
                  <a:pt x="9193083" y="2312863"/>
                  <a:pt x="9198411" y="2313811"/>
                  <a:pt x="9203720" y="2314821"/>
                </a:cubicBezTo>
                <a:lnTo>
                  <a:pt x="9203837" y="2315969"/>
                </a:lnTo>
                <a:cubicBezTo>
                  <a:pt x="9562687" y="2375367"/>
                  <a:pt x="9843726" y="2656144"/>
                  <a:pt x="9894002" y="3009010"/>
                </a:cubicBezTo>
                <a:cubicBezTo>
                  <a:pt x="9894170" y="3009063"/>
                  <a:pt x="9894339" y="3009068"/>
                  <a:pt x="9894508" y="3009073"/>
                </a:cubicBezTo>
                <a:lnTo>
                  <a:pt x="9895048" y="3015763"/>
                </a:lnTo>
                <a:cubicBezTo>
                  <a:pt x="9900105" y="3046007"/>
                  <a:pt x="9902555" y="3076892"/>
                  <a:pt x="9902512" y="3108220"/>
                </a:cubicBezTo>
                <a:cubicBezTo>
                  <a:pt x="9903824" y="3113850"/>
                  <a:pt x="9903883" y="3119519"/>
                  <a:pt x="9903883" y="3125201"/>
                </a:cubicBezTo>
                <a:cubicBezTo>
                  <a:pt x="9903883" y="3129023"/>
                  <a:pt x="9903856" y="3132839"/>
                  <a:pt x="9903290" y="3136641"/>
                </a:cubicBezTo>
                <a:lnTo>
                  <a:pt x="9902791" y="3136608"/>
                </a:lnTo>
                <a:lnTo>
                  <a:pt x="9902765" y="3137103"/>
                </a:lnTo>
                <a:lnTo>
                  <a:pt x="9885647" y="3135477"/>
                </a:lnTo>
                <a:cubicBezTo>
                  <a:pt x="9853272" y="3134950"/>
                  <a:pt x="9821392" y="3131969"/>
                  <a:pt x="9790220" y="3126415"/>
                </a:cubicBezTo>
                <a:cubicBezTo>
                  <a:pt x="9784643" y="3126834"/>
                  <a:pt x="9779314" y="3125886"/>
                  <a:pt x="9774003" y="3124875"/>
                </a:cubicBezTo>
                <a:lnTo>
                  <a:pt x="9773887" y="3123727"/>
                </a:lnTo>
                <a:cubicBezTo>
                  <a:pt x="9415036" y="3064328"/>
                  <a:pt x="9133997" y="2783551"/>
                  <a:pt x="9083722" y="2430686"/>
                </a:cubicBezTo>
                <a:cubicBezTo>
                  <a:pt x="9083554" y="2430633"/>
                  <a:pt x="9083386" y="2430628"/>
                  <a:pt x="9083216" y="2430623"/>
                </a:cubicBezTo>
                <a:lnTo>
                  <a:pt x="9082678" y="2423947"/>
                </a:lnTo>
                <a:cubicBezTo>
                  <a:pt x="9077619" y="2393697"/>
                  <a:pt x="9075168" y="2362806"/>
                  <a:pt x="9075211" y="2331471"/>
                </a:cubicBezTo>
                <a:cubicBezTo>
                  <a:pt x="9073899" y="2325843"/>
                  <a:pt x="9073840" y="2320176"/>
                  <a:pt x="9073840" y="2314495"/>
                </a:cubicBezTo>
                <a:lnTo>
                  <a:pt x="9074434" y="2303055"/>
                </a:lnTo>
                <a:lnTo>
                  <a:pt x="9074932" y="2303088"/>
                </a:lnTo>
                <a:close/>
                <a:moveTo>
                  <a:pt x="9052207" y="2302594"/>
                </a:moveTo>
                <a:lnTo>
                  <a:pt x="9052233" y="2303088"/>
                </a:lnTo>
                <a:lnTo>
                  <a:pt x="9052731" y="2303055"/>
                </a:lnTo>
                <a:lnTo>
                  <a:pt x="9053325" y="2314495"/>
                </a:lnTo>
                <a:cubicBezTo>
                  <a:pt x="9053325" y="2320176"/>
                  <a:pt x="9053266" y="2325843"/>
                  <a:pt x="9051954" y="2331471"/>
                </a:cubicBezTo>
                <a:cubicBezTo>
                  <a:pt x="9051997" y="2362806"/>
                  <a:pt x="9049546" y="2393697"/>
                  <a:pt x="9044487" y="2423947"/>
                </a:cubicBezTo>
                <a:lnTo>
                  <a:pt x="9043949" y="2430623"/>
                </a:lnTo>
                <a:cubicBezTo>
                  <a:pt x="9043779" y="2430628"/>
                  <a:pt x="9043611" y="2430633"/>
                  <a:pt x="9043443" y="2430686"/>
                </a:cubicBezTo>
                <a:cubicBezTo>
                  <a:pt x="8993168" y="2783551"/>
                  <a:pt x="8712129" y="3064328"/>
                  <a:pt x="8353278" y="3123727"/>
                </a:cubicBezTo>
                <a:lnTo>
                  <a:pt x="8353162" y="3124875"/>
                </a:lnTo>
                <a:cubicBezTo>
                  <a:pt x="8347851" y="3125886"/>
                  <a:pt x="8342522" y="3126834"/>
                  <a:pt x="8336945" y="3126415"/>
                </a:cubicBezTo>
                <a:cubicBezTo>
                  <a:pt x="8305773" y="3131969"/>
                  <a:pt x="8273893" y="3134950"/>
                  <a:pt x="8241519" y="3135477"/>
                </a:cubicBezTo>
                <a:lnTo>
                  <a:pt x="8224400" y="3137103"/>
                </a:lnTo>
                <a:lnTo>
                  <a:pt x="8224374" y="3136608"/>
                </a:lnTo>
                <a:lnTo>
                  <a:pt x="8223875" y="3136641"/>
                </a:lnTo>
                <a:cubicBezTo>
                  <a:pt x="8223309" y="3132839"/>
                  <a:pt x="8223282" y="3129023"/>
                  <a:pt x="8223282" y="3125201"/>
                </a:cubicBezTo>
                <a:cubicBezTo>
                  <a:pt x="8223282" y="3119519"/>
                  <a:pt x="8223341" y="3113850"/>
                  <a:pt x="8224653" y="3108220"/>
                </a:cubicBezTo>
                <a:cubicBezTo>
                  <a:pt x="8224611" y="3076892"/>
                  <a:pt x="8227060" y="3046007"/>
                  <a:pt x="8232117" y="3015763"/>
                </a:cubicBezTo>
                <a:lnTo>
                  <a:pt x="8232657" y="3009073"/>
                </a:lnTo>
                <a:cubicBezTo>
                  <a:pt x="8232826" y="3009068"/>
                  <a:pt x="8232995" y="3009063"/>
                  <a:pt x="8233163" y="3009010"/>
                </a:cubicBezTo>
                <a:cubicBezTo>
                  <a:pt x="8283439" y="2656144"/>
                  <a:pt x="8564478" y="2375367"/>
                  <a:pt x="8923328" y="2315969"/>
                </a:cubicBezTo>
                <a:lnTo>
                  <a:pt x="8923445" y="2314821"/>
                </a:lnTo>
                <a:cubicBezTo>
                  <a:pt x="8928754" y="2313811"/>
                  <a:pt x="8934082" y="2312863"/>
                  <a:pt x="8939658" y="2313282"/>
                </a:cubicBezTo>
                <a:cubicBezTo>
                  <a:pt x="8970841" y="2307725"/>
                  <a:pt x="9002734" y="2304744"/>
                  <a:pt x="9035120" y="2304217"/>
                </a:cubicBezTo>
                <a:close/>
                <a:moveTo>
                  <a:pt x="7382807" y="2302594"/>
                </a:moveTo>
                <a:lnTo>
                  <a:pt x="7399895" y="2304217"/>
                </a:lnTo>
                <a:cubicBezTo>
                  <a:pt x="7432280" y="2304744"/>
                  <a:pt x="7464173" y="2307725"/>
                  <a:pt x="7495356" y="2313282"/>
                </a:cubicBezTo>
                <a:cubicBezTo>
                  <a:pt x="7500932" y="2312863"/>
                  <a:pt x="7506260" y="2313811"/>
                  <a:pt x="7511569" y="2314821"/>
                </a:cubicBezTo>
                <a:lnTo>
                  <a:pt x="7511686" y="2315969"/>
                </a:lnTo>
                <a:cubicBezTo>
                  <a:pt x="7870536" y="2375367"/>
                  <a:pt x="8151575" y="2656144"/>
                  <a:pt x="8201852" y="3009010"/>
                </a:cubicBezTo>
                <a:cubicBezTo>
                  <a:pt x="8202019" y="3009063"/>
                  <a:pt x="8202189" y="3009068"/>
                  <a:pt x="8202357" y="3009073"/>
                </a:cubicBezTo>
                <a:lnTo>
                  <a:pt x="8202898" y="3015763"/>
                </a:lnTo>
                <a:cubicBezTo>
                  <a:pt x="8207954" y="3046007"/>
                  <a:pt x="8210404" y="3076892"/>
                  <a:pt x="8210362" y="3108220"/>
                </a:cubicBezTo>
                <a:cubicBezTo>
                  <a:pt x="8211674" y="3113850"/>
                  <a:pt x="8211732" y="3119519"/>
                  <a:pt x="8211732" y="3125201"/>
                </a:cubicBezTo>
                <a:cubicBezTo>
                  <a:pt x="8211732" y="3129023"/>
                  <a:pt x="8211705" y="3132839"/>
                  <a:pt x="8211139" y="3136641"/>
                </a:cubicBezTo>
                <a:lnTo>
                  <a:pt x="8210640" y="3136608"/>
                </a:lnTo>
                <a:lnTo>
                  <a:pt x="8210614" y="3137103"/>
                </a:lnTo>
                <a:lnTo>
                  <a:pt x="8193496" y="3135477"/>
                </a:lnTo>
                <a:cubicBezTo>
                  <a:pt x="8161122" y="3134950"/>
                  <a:pt x="8129241" y="3131969"/>
                  <a:pt x="8098069" y="3126415"/>
                </a:cubicBezTo>
                <a:cubicBezTo>
                  <a:pt x="8092492" y="3126834"/>
                  <a:pt x="8087163" y="3125886"/>
                  <a:pt x="8081853" y="3124875"/>
                </a:cubicBezTo>
                <a:lnTo>
                  <a:pt x="8081737" y="3123727"/>
                </a:lnTo>
                <a:cubicBezTo>
                  <a:pt x="7722885" y="3064328"/>
                  <a:pt x="7441846" y="2783551"/>
                  <a:pt x="7391571" y="2430686"/>
                </a:cubicBezTo>
                <a:cubicBezTo>
                  <a:pt x="7391403" y="2430633"/>
                  <a:pt x="7391235" y="2430628"/>
                  <a:pt x="7391065" y="2430623"/>
                </a:cubicBezTo>
                <a:lnTo>
                  <a:pt x="7390527" y="2423947"/>
                </a:lnTo>
                <a:cubicBezTo>
                  <a:pt x="7385468" y="2393697"/>
                  <a:pt x="7383018" y="2362806"/>
                  <a:pt x="7383060" y="2331471"/>
                </a:cubicBezTo>
                <a:cubicBezTo>
                  <a:pt x="7381748" y="2325843"/>
                  <a:pt x="7381689" y="2320176"/>
                  <a:pt x="7381689" y="2314495"/>
                </a:cubicBezTo>
                <a:lnTo>
                  <a:pt x="7382283" y="2303055"/>
                </a:lnTo>
                <a:lnTo>
                  <a:pt x="7382781" y="2303088"/>
                </a:lnTo>
                <a:close/>
                <a:moveTo>
                  <a:pt x="7360056" y="2302594"/>
                </a:moveTo>
                <a:lnTo>
                  <a:pt x="7360082" y="2303088"/>
                </a:lnTo>
                <a:lnTo>
                  <a:pt x="7360580" y="2303055"/>
                </a:lnTo>
                <a:lnTo>
                  <a:pt x="7361174" y="2314495"/>
                </a:lnTo>
                <a:cubicBezTo>
                  <a:pt x="7361174" y="2320176"/>
                  <a:pt x="7361116" y="2325843"/>
                  <a:pt x="7359804" y="2331471"/>
                </a:cubicBezTo>
                <a:cubicBezTo>
                  <a:pt x="7359846" y="2362806"/>
                  <a:pt x="7357395" y="2393697"/>
                  <a:pt x="7352337" y="2423947"/>
                </a:cubicBezTo>
                <a:lnTo>
                  <a:pt x="7351798" y="2430623"/>
                </a:lnTo>
                <a:cubicBezTo>
                  <a:pt x="7351629" y="2430628"/>
                  <a:pt x="7351460" y="2430633"/>
                  <a:pt x="7351293" y="2430686"/>
                </a:cubicBezTo>
                <a:cubicBezTo>
                  <a:pt x="7301017" y="2783551"/>
                  <a:pt x="7019978" y="3064328"/>
                  <a:pt x="6661127" y="3123727"/>
                </a:cubicBezTo>
                <a:lnTo>
                  <a:pt x="6661011" y="3124875"/>
                </a:lnTo>
                <a:cubicBezTo>
                  <a:pt x="6655700" y="3125886"/>
                  <a:pt x="6650371" y="3126834"/>
                  <a:pt x="6644794" y="3126415"/>
                </a:cubicBezTo>
                <a:cubicBezTo>
                  <a:pt x="6613622" y="3131969"/>
                  <a:pt x="6581742" y="3134950"/>
                  <a:pt x="6549368" y="3135477"/>
                </a:cubicBezTo>
                <a:lnTo>
                  <a:pt x="6532249" y="3137103"/>
                </a:lnTo>
                <a:lnTo>
                  <a:pt x="6532223" y="3136608"/>
                </a:lnTo>
                <a:lnTo>
                  <a:pt x="6531724" y="3136641"/>
                </a:lnTo>
                <a:cubicBezTo>
                  <a:pt x="6531158" y="3132839"/>
                  <a:pt x="6531131" y="3129023"/>
                  <a:pt x="6531131" y="3125201"/>
                </a:cubicBezTo>
                <a:cubicBezTo>
                  <a:pt x="6531131" y="3119519"/>
                  <a:pt x="6531190" y="3113850"/>
                  <a:pt x="6532502" y="3108220"/>
                </a:cubicBezTo>
                <a:cubicBezTo>
                  <a:pt x="6532460" y="3076892"/>
                  <a:pt x="6534909" y="3046007"/>
                  <a:pt x="6539966" y="3015763"/>
                </a:cubicBezTo>
                <a:lnTo>
                  <a:pt x="6540506" y="3009073"/>
                </a:lnTo>
                <a:cubicBezTo>
                  <a:pt x="6540675" y="3009068"/>
                  <a:pt x="6540844" y="3009063"/>
                  <a:pt x="6541012" y="3009010"/>
                </a:cubicBezTo>
                <a:cubicBezTo>
                  <a:pt x="6591288" y="2656144"/>
                  <a:pt x="6872327" y="2375367"/>
                  <a:pt x="7231178" y="2315969"/>
                </a:cubicBezTo>
                <a:lnTo>
                  <a:pt x="7231295" y="2314821"/>
                </a:lnTo>
                <a:cubicBezTo>
                  <a:pt x="7236603" y="2313811"/>
                  <a:pt x="7241931" y="2312863"/>
                  <a:pt x="7247507" y="2313282"/>
                </a:cubicBezTo>
                <a:cubicBezTo>
                  <a:pt x="7278691" y="2307725"/>
                  <a:pt x="7310583" y="2304744"/>
                  <a:pt x="7342969" y="2304217"/>
                </a:cubicBezTo>
                <a:close/>
                <a:moveTo>
                  <a:pt x="5690656" y="2302594"/>
                </a:moveTo>
                <a:lnTo>
                  <a:pt x="5707743" y="2304217"/>
                </a:lnTo>
                <a:cubicBezTo>
                  <a:pt x="5740129" y="2304744"/>
                  <a:pt x="5772021" y="2307725"/>
                  <a:pt x="5803205" y="2313282"/>
                </a:cubicBezTo>
                <a:cubicBezTo>
                  <a:pt x="5808781" y="2312863"/>
                  <a:pt x="5814109" y="2313811"/>
                  <a:pt x="5819417" y="2314821"/>
                </a:cubicBezTo>
                <a:lnTo>
                  <a:pt x="5819534" y="2315969"/>
                </a:lnTo>
                <a:cubicBezTo>
                  <a:pt x="6178385" y="2375367"/>
                  <a:pt x="6459424" y="2656144"/>
                  <a:pt x="6509700" y="3009010"/>
                </a:cubicBezTo>
                <a:cubicBezTo>
                  <a:pt x="6509868" y="3009063"/>
                  <a:pt x="6510037" y="3009068"/>
                  <a:pt x="6510206" y="3009073"/>
                </a:cubicBezTo>
                <a:lnTo>
                  <a:pt x="6510746" y="3015763"/>
                </a:lnTo>
                <a:cubicBezTo>
                  <a:pt x="6515803" y="3046007"/>
                  <a:pt x="6518252" y="3076892"/>
                  <a:pt x="6518210" y="3108220"/>
                </a:cubicBezTo>
                <a:cubicBezTo>
                  <a:pt x="6519522" y="3113850"/>
                  <a:pt x="6519581" y="3119519"/>
                  <a:pt x="6519581" y="3125201"/>
                </a:cubicBezTo>
                <a:cubicBezTo>
                  <a:pt x="6519581" y="3129023"/>
                  <a:pt x="6519554" y="3132839"/>
                  <a:pt x="6518988" y="3136641"/>
                </a:cubicBezTo>
                <a:lnTo>
                  <a:pt x="6518489" y="3136608"/>
                </a:lnTo>
                <a:lnTo>
                  <a:pt x="6518463" y="3137103"/>
                </a:lnTo>
                <a:lnTo>
                  <a:pt x="6501344" y="3135477"/>
                </a:lnTo>
                <a:cubicBezTo>
                  <a:pt x="6468970" y="3134950"/>
                  <a:pt x="6437090" y="3131969"/>
                  <a:pt x="6405918" y="3126415"/>
                </a:cubicBezTo>
                <a:cubicBezTo>
                  <a:pt x="6400341" y="3126834"/>
                  <a:pt x="6395012" y="3125886"/>
                  <a:pt x="6389701" y="3124875"/>
                </a:cubicBezTo>
                <a:lnTo>
                  <a:pt x="6389585" y="3123727"/>
                </a:lnTo>
                <a:cubicBezTo>
                  <a:pt x="6030734" y="3064328"/>
                  <a:pt x="5749695" y="2783551"/>
                  <a:pt x="5699419" y="2430686"/>
                </a:cubicBezTo>
                <a:cubicBezTo>
                  <a:pt x="5699252" y="2430633"/>
                  <a:pt x="5699083" y="2430628"/>
                  <a:pt x="5698914" y="2430623"/>
                </a:cubicBezTo>
                <a:lnTo>
                  <a:pt x="5698375" y="2423947"/>
                </a:lnTo>
                <a:cubicBezTo>
                  <a:pt x="5693317" y="2393697"/>
                  <a:pt x="5690866" y="2362806"/>
                  <a:pt x="5690908" y="2331471"/>
                </a:cubicBezTo>
                <a:cubicBezTo>
                  <a:pt x="5689596" y="2325843"/>
                  <a:pt x="5689538" y="2320176"/>
                  <a:pt x="5689538" y="2314495"/>
                </a:cubicBezTo>
                <a:lnTo>
                  <a:pt x="5690132" y="2303055"/>
                </a:lnTo>
                <a:lnTo>
                  <a:pt x="5690630" y="2303088"/>
                </a:lnTo>
                <a:close/>
                <a:moveTo>
                  <a:pt x="5667905" y="2302594"/>
                </a:moveTo>
                <a:lnTo>
                  <a:pt x="5667931" y="2303088"/>
                </a:lnTo>
                <a:lnTo>
                  <a:pt x="5668429" y="2303055"/>
                </a:lnTo>
                <a:lnTo>
                  <a:pt x="5669023" y="2314495"/>
                </a:lnTo>
                <a:cubicBezTo>
                  <a:pt x="5669023" y="2320176"/>
                  <a:pt x="5668964" y="2325843"/>
                  <a:pt x="5667652" y="2331471"/>
                </a:cubicBezTo>
                <a:cubicBezTo>
                  <a:pt x="5667694" y="2362806"/>
                  <a:pt x="5665244" y="2393697"/>
                  <a:pt x="5660185" y="2423947"/>
                </a:cubicBezTo>
                <a:lnTo>
                  <a:pt x="5659647" y="2430623"/>
                </a:lnTo>
                <a:cubicBezTo>
                  <a:pt x="5659477" y="2430628"/>
                  <a:pt x="5659309" y="2430633"/>
                  <a:pt x="5659141" y="2430686"/>
                </a:cubicBezTo>
                <a:cubicBezTo>
                  <a:pt x="5608866" y="2783551"/>
                  <a:pt x="5327827" y="3064328"/>
                  <a:pt x="4968975" y="3123727"/>
                </a:cubicBezTo>
                <a:lnTo>
                  <a:pt x="4968859" y="3124875"/>
                </a:lnTo>
                <a:cubicBezTo>
                  <a:pt x="4963549" y="3125886"/>
                  <a:pt x="4958220" y="3126834"/>
                  <a:pt x="4952643" y="3126415"/>
                </a:cubicBezTo>
                <a:cubicBezTo>
                  <a:pt x="4921471" y="3131969"/>
                  <a:pt x="4889590" y="3134950"/>
                  <a:pt x="4857216" y="3135477"/>
                </a:cubicBezTo>
                <a:lnTo>
                  <a:pt x="4840098" y="3137103"/>
                </a:lnTo>
                <a:lnTo>
                  <a:pt x="4840072" y="3136608"/>
                </a:lnTo>
                <a:lnTo>
                  <a:pt x="4839573" y="3136641"/>
                </a:lnTo>
                <a:cubicBezTo>
                  <a:pt x="4839007" y="3132839"/>
                  <a:pt x="4838980" y="3129023"/>
                  <a:pt x="4838980" y="3125201"/>
                </a:cubicBezTo>
                <a:cubicBezTo>
                  <a:pt x="4838980" y="3119519"/>
                  <a:pt x="4839038" y="3113850"/>
                  <a:pt x="4840350" y="3108220"/>
                </a:cubicBezTo>
                <a:cubicBezTo>
                  <a:pt x="4840308" y="3076892"/>
                  <a:pt x="4842758" y="3046007"/>
                  <a:pt x="4847814" y="3015763"/>
                </a:cubicBezTo>
                <a:lnTo>
                  <a:pt x="4848355" y="3009073"/>
                </a:lnTo>
                <a:cubicBezTo>
                  <a:pt x="4848523" y="3009068"/>
                  <a:pt x="4848693" y="3009063"/>
                  <a:pt x="4848860" y="3009010"/>
                </a:cubicBezTo>
                <a:cubicBezTo>
                  <a:pt x="4899137" y="2656144"/>
                  <a:pt x="5180176" y="2375367"/>
                  <a:pt x="5539026" y="2315969"/>
                </a:cubicBezTo>
                <a:lnTo>
                  <a:pt x="5539143" y="2314821"/>
                </a:lnTo>
                <a:cubicBezTo>
                  <a:pt x="5544452" y="2313811"/>
                  <a:pt x="5549780" y="2312863"/>
                  <a:pt x="5555356" y="2313282"/>
                </a:cubicBezTo>
                <a:cubicBezTo>
                  <a:pt x="5586539" y="2307725"/>
                  <a:pt x="5618432" y="2304744"/>
                  <a:pt x="5650817" y="2304217"/>
                </a:cubicBezTo>
                <a:close/>
                <a:moveTo>
                  <a:pt x="3998505" y="2302594"/>
                </a:moveTo>
                <a:lnTo>
                  <a:pt x="4015592" y="2304217"/>
                </a:lnTo>
                <a:cubicBezTo>
                  <a:pt x="4047978" y="2304744"/>
                  <a:pt x="4079870" y="2307725"/>
                  <a:pt x="4111054" y="2313282"/>
                </a:cubicBezTo>
                <a:cubicBezTo>
                  <a:pt x="4116630" y="2312863"/>
                  <a:pt x="4121958" y="2313811"/>
                  <a:pt x="4127266" y="2314821"/>
                </a:cubicBezTo>
                <a:lnTo>
                  <a:pt x="4127384" y="2315969"/>
                </a:lnTo>
                <a:cubicBezTo>
                  <a:pt x="4486234" y="2375367"/>
                  <a:pt x="4767273" y="2656144"/>
                  <a:pt x="4817549" y="3009010"/>
                </a:cubicBezTo>
                <a:cubicBezTo>
                  <a:pt x="4817717" y="3009063"/>
                  <a:pt x="4817886" y="3009068"/>
                  <a:pt x="4818055" y="3009073"/>
                </a:cubicBezTo>
                <a:lnTo>
                  <a:pt x="4818595" y="3015763"/>
                </a:lnTo>
                <a:cubicBezTo>
                  <a:pt x="4823652" y="3046007"/>
                  <a:pt x="4826101" y="3076892"/>
                  <a:pt x="4826059" y="3108220"/>
                </a:cubicBezTo>
                <a:cubicBezTo>
                  <a:pt x="4827371" y="3113850"/>
                  <a:pt x="4827430" y="3119519"/>
                  <a:pt x="4827430" y="3125201"/>
                </a:cubicBezTo>
                <a:cubicBezTo>
                  <a:pt x="4827430" y="3129023"/>
                  <a:pt x="4827403" y="3132839"/>
                  <a:pt x="4826837" y="3136641"/>
                </a:cubicBezTo>
                <a:lnTo>
                  <a:pt x="4826338" y="3136608"/>
                </a:lnTo>
                <a:lnTo>
                  <a:pt x="4826312" y="3137103"/>
                </a:lnTo>
                <a:lnTo>
                  <a:pt x="4809193" y="3135477"/>
                </a:lnTo>
                <a:cubicBezTo>
                  <a:pt x="4776819" y="3134950"/>
                  <a:pt x="4744939" y="3131969"/>
                  <a:pt x="4713767" y="3126415"/>
                </a:cubicBezTo>
                <a:cubicBezTo>
                  <a:pt x="4708190" y="3126834"/>
                  <a:pt x="4702861" y="3125886"/>
                  <a:pt x="4697550" y="3124875"/>
                </a:cubicBezTo>
                <a:lnTo>
                  <a:pt x="4697434" y="3123727"/>
                </a:lnTo>
                <a:cubicBezTo>
                  <a:pt x="4338583" y="3064328"/>
                  <a:pt x="4057544" y="2783551"/>
                  <a:pt x="4007268" y="2430686"/>
                </a:cubicBezTo>
                <a:cubicBezTo>
                  <a:pt x="4007101" y="2430633"/>
                  <a:pt x="4006932" y="2430628"/>
                  <a:pt x="4006763" y="2430623"/>
                </a:cubicBezTo>
                <a:lnTo>
                  <a:pt x="4006225" y="2423947"/>
                </a:lnTo>
                <a:cubicBezTo>
                  <a:pt x="4001166" y="2393697"/>
                  <a:pt x="3998715" y="2362806"/>
                  <a:pt x="3998757" y="2331471"/>
                </a:cubicBezTo>
                <a:cubicBezTo>
                  <a:pt x="3997445" y="2325843"/>
                  <a:pt x="3997387" y="2320176"/>
                  <a:pt x="3997387" y="2314495"/>
                </a:cubicBezTo>
                <a:lnTo>
                  <a:pt x="3997981" y="2303055"/>
                </a:lnTo>
                <a:lnTo>
                  <a:pt x="3998479" y="2303088"/>
                </a:lnTo>
                <a:close/>
                <a:moveTo>
                  <a:pt x="3975754" y="2302594"/>
                </a:moveTo>
                <a:lnTo>
                  <a:pt x="3975780" y="2303088"/>
                </a:lnTo>
                <a:lnTo>
                  <a:pt x="3976278" y="2303055"/>
                </a:lnTo>
                <a:lnTo>
                  <a:pt x="3976872" y="2314495"/>
                </a:lnTo>
                <a:cubicBezTo>
                  <a:pt x="3976872" y="2320176"/>
                  <a:pt x="3976813" y="2325843"/>
                  <a:pt x="3975501" y="2331471"/>
                </a:cubicBezTo>
                <a:cubicBezTo>
                  <a:pt x="3975543" y="2362806"/>
                  <a:pt x="3973093" y="2393697"/>
                  <a:pt x="3968034" y="2423947"/>
                </a:cubicBezTo>
                <a:lnTo>
                  <a:pt x="3967496" y="2430623"/>
                </a:lnTo>
                <a:cubicBezTo>
                  <a:pt x="3967326" y="2430628"/>
                  <a:pt x="3967158" y="2430633"/>
                  <a:pt x="3966990" y="2430686"/>
                </a:cubicBezTo>
                <a:cubicBezTo>
                  <a:pt x="3916715" y="2783551"/>
                  <a:pt x="3635676" y="3064328"/>
                  <a:pt x="3276825" y="3123727"/>
                </a:cubicBezTo>
                <a:lnTo>
                  <a:pt x="3276708" y="3124875"/>
                </a:lnTo>
                <a:cubicBezTo>
                  <a:pt x="3271398" y="3125886"/>
                  <a:pt x="3266069" y="3126834"/>
                  <a:pt x="3260492" y="3126415"/>
                </a:cubicBezTo>
                <a:cubicBezTo>
                  <a:pt x="3229320" y="3131969"/>
                  <a:pt x="3197440" y="3134950"/>
                  <a:pt x="3165065" y="3135477"/>
                </a:cubicBezTo>
                <a:lnTo>
                  <a:pt x="3147947" y="3137103"/>
                </a:lnTo>
                <a:lnTo>
                  <a:pt x="3147921" y="3136608"/>
                </a:lnTo>
                <a:lnTo>
                  <a:pt x="3147422" y="3136641"/>
                </a:lnTo>
                <a:cubicBezTo>
                  <a:pt x="3146856" y="3132839"/>
                  <a:pt x="3146829" y="3129023"/>
                  <a:pt x="3146829" y="3125201"/>
                </a:cubicBezTo>
                <a:cubicBezTo>
                  <a:pt x="3146829" y="3119519"/>
                  <a:pt x="3146887" y="3113850"/>
                  <a:pt x="3148199" y="3108220"/>
                </a:cubicBezTo>
                <a:cubicBezTo>
                  <a:pt x="3148157" y="3076892"/>
                  <a:pt x="3150607" y="3046007"/>
                  <a:pt x="3155663" y="3015763"/>
                </a:cubicBezTo>
                <a:lnTo>
                  <a:pt x="3156204" y="3009073"/>
                </a:lnTo>
                <a:cubicBezTo>
                  <a:pt x="3156372" y="3009068"/>
                  <a:pt x="3156542" y="3009063"/>
                  <a:pt x="3156709" y="3009010"/>
                </a:cubicBezTo>
                <a:cubicBezTo>
                  <a:pt x="3206986" y="2656144"/>
                  <a:pt x="3488025" y="2375367"/>
                  <a:pt x="3846875" y="2315969"/>
                </a:cubicBezTo>
                <a:lnTo>
                  <a:pt x="3846992" y="2314821"/>
                </a:lnTo>
                <a:cubicBezTo>
                  <a:pt x="3852301" y="2313811"/>
                  <a:pt x="3857629" y="2312863"/>
                  <a:pt x="3863205" y="2313282"/>
                </a:cubicBezTo>
                <a:cubicBezTo>
                  <a:pt x="3894388" y="2307725"/>
                  <a:pt x="3926281" y="2304744"/>
                  <a:pt x="3958666" y="2304217"/>
                </a:cubicBezTo>
                <a:close/>
                <a:moveTo>
                  <a:pt x="2306354" y="2302594"/>
                </a:moveTo>
                <a:lnTo>
                  <a:pt x="2323441" y="2304217"/>
                </a:lnTo>
                <a:cubicBezTo>
                  <a:pt x="2355827" y="2304744"/>
                  <a:pt x="2387719" y="2307725"/>
                  <a:pt x="2418903" y="2313282"/>
                </a:cubicBezTo>
                <a:cubicBezTo>
                  <a:pt x="2424479" y="2312863"/>
                  <a:pt x="2429807" y="2313811"/>
                  <a:pt x="2435115" y="2314821"/>
                </a:cubicBezTo>
                <a:lnTo>
                  <a:pt x="2435233" y="2315969"/>
                </a:lnTo>
                <a:cubicBezTo>
                  <a:pt x="2794083" y="2375367"/>
                  <a:pt x="3075122" y="2656144"/>
                  <a:pt x="3125398" y="3009010"/>
                </a:cubicBezTo>
                <a:cubicBezTo>
                  <a:pt x="3125566" y="3009063"/>
                  <a:pt x="3125735" y="3009068"/>
                  <a:pt x="3125904" y="3009073"/>
                </a:cubicBezTo>
                <a:lnTo>
                  <a:pt x="3126444" y="3015763"/>
                </a:lnTo>
                <a:cubicBezTo>
                  <a:pt x="3131501" y="3046007"/>
                  <a:pt x="3133950" y="3076892"/>
                  <a:pt x="3133908" y="3108220"/>
                </a:cubicBezTo>
                <a:cubicBezTo>
                  <a:pt x="3135220" y="3113850"/>
                  <a:pt x="3135279" y="3119519"/>
                  <a:pt x="3135279" y="3125201"/>
                </a:cubicBezTo>
                <a:cubicBezTo>
                  <a:pt x="3135279" y="3129023"/>
                  <a:pt x="3135252" y="3132839"/>
                  <a:pt x="3134686" y="3136641"/>
                </a:cubicBezTo>
                <a:lnTo>
                  <a:pt x="3134187" y="3136608"/>
                </a:lnTo>
                <a:lnTo>
                  <a:pt x="3134161" y="3137103"/>
                </a:lnTo>
                <a:lnTo>
                  <a:pt x="3117042" y="3135477"/>
                </a:lnTo>
                <a:cubicBezTo>
                  <a:pt x="3084668" y="3134950"/>
                  <a:pt x="3052788" y="3131969"/>
                  <a:pt x="3021616" y="3126415"/>
                </a:cubicBezTo>
                <a:cubicBezTo>
                  <a:pt x="3016039" y="3126834"/>
                  <a:pt x="3010710" y="3125886"/>
                  <a:pt x="3005399" y="3124875"/>
                </a:cubicBezTo>
                <a:lnTo>
                  <a:pt x="3005283" y="3123727"/>
                </a:lnTo>
                <a:cubicBezTo>
                  <a:pt x="2646432" y="3064328"/>
                  <a:pt x="2365393" y="2783551"/>
                  <a:pt x="2315117" y="2430686"/>
                </a:cubicBezTo>
                <a:cubicBezTo>
                  <a:pt x="2314950" y="2430633"/>
                  <a:pt x="2314781" y="2430628"/>
                  <a:pt x="2314612" y="2430623"/>
                </a:cubicBezTo>
                <a:lnTo>
                  <a:pt x="2314074" y="2423947"/>
                </a:lnTo>
                <a:cubicBezTo>
                  <a:pt x="2309015" y="2393697"/>
                  <a:pt x="2306564" y="2362806"/>
                  <a:pt x="2306606" y="2331471"/>
                </a:cubicBezTo>
                <a:cubicBezTo>
                  <a:pt x="2305294" y="2325843"/>
                  <a:pt x="2305236" y="2320176"/>
                  <a:pt x="2305236" y="2314495"/>
                </a:cubicBezTo>
                <a:lnTo>
                  <a:pt x="2305830" y="2303055"/>
                </a:lnTo>
                <a:lnTo>
                  <a:pt x="2306328" y="2303088"/>
                </a:lnTo>
                <a:close/>
                <a:moveTo>
                  <a:pt x="2283603" y="2302594"/>
                </a:moveTo>
                <a:lnTo>
                  <a:pt x="2283629" y="2303088"/>
                </a:lnTo>
                <a:lnTo>
                  <a:pt x="2284127" y="2303055"/>
                </a:lnTo>
                <a:lnTo>
                  <a:pt x="2284721" y="2314495"/>
                </a:lnTo>
                <a:cubicBezTo>
                  <a:pt x="2284721" y="2320176"/>
                  <a:pt x="2284662" y="2325843"/>
                  <a:pt x="2283350" y="2331471"/>
                </a:cubicBezTo>
                <a:cubicBezTo>
                  <a:pt x="2283392" y="2362806"/>
                  <a:pt x="2280942" y="2393697"/>
                  <a:pt x="2275883" y="2423947"/>
                </a:cubicBezTo>
                <a:lnTo>
                  <a:pt x="2275345" y="2430623"/>
                </a:lnTo>
                <a:cubicBezTo>
                  <a:pt x="2275175" y="2430628"/>
                  <a:pt x="2275007" y="2430633"/>
                  <a:pt x="2274839" y="2430686"/>
                </a:cubicBezTo>
                <a:cubicBezTo>
                  <a:pt x="2224564" y="2783551"/>
                  <a:pt x="1943525" y="3064328"/>
                  <a:pt x="1584673" y="3123727"/>
                </a:cubicBezTo>
                <a:lnTo>
                  <a:pt x="1584557" y="3124875"/>
                </a:lnTo>
                <a:cubicBezTo>
                  <a:pt x="1579247" y="3125886"/>
                  <a:pt x="1573918" y="3126834"/>
                  <a:pt x="1568341" y="3126415"/>
                </a:cubicBezTo>
                <a:cubicBezTo>
                  <a:pt x="1537169" y="3131969"/>
                  <a:pt x="1505289" y="3134950"/>
                  <a:pt x="1472914" y="3135477"/>
                </a:cubicBezTo>
                <a:lnTo>
                  <a:pt x="1455796" y="3137103"/>
                </a:lnTo>
                <a:lnTo>
                  <a:pt x="1455770" y="3136608"/>
                </a:lnTo>
                <a:lnTo>
                  <a:pt x="1455271" y="3136641"/>
                </a:lnTo>
                <a:cubicBezTo>
                  <a:pt x="1454705" y="3132839"/>
                  <a:pt x="1454678" y="3129023"/>
                  <a:pt x="1454678" y="3125201"/>
                </a:cubicBezTo>
                <a:cubicBezTo>
                  <a:pt x="1454678" y="3119519"/>
                  <a:pt x="1454736" y="3113850"/>
                  <a:pt x="1456048" y="3108220"/>
                </a:cubicBezTo>
                <a:cubicBezTo>
                  <a:pt x="1456006" y="3076892"/>
                  <a:pt x="1458456" y="3046007"/>
                  <a:pt x="1463513" y="3015763"/>
                </a:cubicBezTo>
                <a:lnTo>
                  <a:pt x="1464053" y="3009073"/>
                </a:lnTo>
                <a:cubicBezTo>
                  <a:pt x="1464221" y="3009068"/>
                  <a:pt x="1464391" y="3009063"/>
                  <a:pt x="1464558" y="3009010"/>
                </a:cubicBezTo>
                <a:cubicBezTo>
                  <a:pt x="1514835" y="2656144"/>
                  <a:pt x="1795874" y="2375367"/>
                  <a:pt x="2154724" y="2315969"/>
                </a:cubicBezTo>
                <a:lnTo>
                  <a:pt x="2154841" y="2314821"/>
                </a:lnTo>
                <a:cubicBezTo>
                  <a:pt x="2160150" y="2313811"/>
                  <a:pt x="2165478" y="2312863"/>
                  <a:pt x="2171054" y="2313282"/>
                </a:cubicBezTo>
                <a:cubicBezTo>
                  <a:pt x="2202237" y="2307725"/>
                  <a:pt x="2234130" y="2304744"/>
                  <a:pt x="2266515" y="2304217"/>
                </a:cubicBezTo>
                <a:close/>
                <a:moveTo>
                  <a:pt x="614203" y="2302594"/>
                </a:moveTo>
                <a:lnTo>
                  <a:pt x="631290" y="2304217"/>
                </a:lnTo>
                <a:cubicBezTo>
                  <a:pt x="663676" y="2304744"/>
                  <a:pt x="695568" y="2307725"/>
                  <a:pt x="726752" y="2313282"/>
                </a:cubicBezTo>
                <a:cubicBezTo>
                  <a:pt x="732328" y="2312863"/>
                  <a:pt x="737656" y="2313811"/>
                  <a:pt x="742964" y="2314821"/>
                </a:cubicBezTo>
                <a:lnTo>
                  <a:pt x="743081" y="2315969"/>
                </a:lnTo>
                <a:cubicBezTo>
                  <a:pt x="1101932" y="2375367"/>
                  <a:pt x="1382971" y="2656144"/>
                  <a:pt x="1433247" y="3009010"/>
                </a:cubicBezTo>
                <a:cubicBezTo>
                  <a:pt x="1433415" y="3009063"/>
                  <a:pt x="1433584" y="3009068"/>
                  <a:pt x="1433753" y="3009073"/>
                </a:cubicBezTo>
                <a:lnTo>
                  <a:pt x="1434293" y="3015763"/>
                </a:lnTo>
                <a:cubicBezTo>
                  <a:pt x="1439350" y="3046007"/>
                  <a:pt x="1441799" y="3076892"/>
                  <a:pt x="1441757" y="3108220"/>
                </a:cubicBezTo>
                <a:cubicBezTo>
                  <a:pt x="1443069" y="3113850"/>
                  <a:pt x="1443128" y="3119519"/>
                  <a:pt x="1443128" y="3125201"/>
                </a:cubicBezTo>
                <a:cubicBezTo>
                  <a:pt x="1443128" y="3129023"/>
                  <a:pt x="1443101" y="3132839"/>
                  <a:pt x="1442535" y="3136641"/>
                </a:cubicBezTo>
                <a:lnTo>
                  <a:pt x="1442036" y="3136608"/>
                </a:lnTo>
                <a:lnTo>
                  <a:pt x="1442010" y="3137103"/>
                </a:lnTo>
                <a:lnTo>
                  <a:pt x="1424891" y="3135477"/>
                </a:lnTo>
                <a:cubicBezTo>
                  <a:pt x="1392517" y="3134950"/>
                  <a:pt x="1360637" y="3131969"/>
                  <a:pt x="1329465" y="3126415"/>
                </a:cubicBezTo>
                <a:cubicBezTo>
                  <a:pt x="1323888" y="3126834"/>
                  <a:pt x="1318559" y="3125886"/>
                  <a:pt x="1313248" y="3124875"/>
                </a:cubicBezTo>
                <a:lnTo>
                  <a:pt x="1313132" y="3123727"/>
                </a:lnTo>
                <a:cubicBezTo>
                  <a:pt x="954281" y="3064328"/>
                  <a:pt x="673242" y="2783551"/>
                  <a:pt x="622966" y="2430686"/>
                </a:cubicBezTo>
                <a:cubicBezTo>
                  <a:pt x="622799" y="2430633"/>
                  <a:pt x="622630" y="2430628"/>
                  <a:pt x="622461" y="2430623"/>
                </a:cubicBezTo>
                <a:lnTo>
                  <a:pt x="621923" y="2423947"/>
                </a:lnTo>
                <a:cubicBezTo>
                  <a:pt x="616864" y="2393697"/>
                  <a:pt x="614413" y="2362806"/>
                  <a:pt x="614455" y="2331471"/>
                </a:cubicBezTo>
                <a:cubicBezTo>
                  <a:pt x="613143" y="2325843"/>
                  <a:pt x="613085" y="2320176"/>
                  <a:pt x="613085" y="2314495"/>
                </a:cubicBezTo>
                <a:lnTo>
                  <a:pt x="613679" y="2303055"/>
                </a:lnTo>
                <a:lnTo>
                  <a:pt x="614177" y="2303088"/>
                </a:lnTo>
                <a:close/>
                <a:moveTo>
                  <a:pt x="591452" y="2302594"/>
                </a:moveTo>
                <a:lnTo>
                  <a:pt x="591478" y="2303088"/>
                </a:lnTo>
                <a:lnTo>
                  <a:pt x="591976" y="2303055"/>
                </a:lnTo>
                <a:lnTo>
                  <a:pt x="592570" y="2314495"/>
                </a:lnTo>
                <a:cubicBezTo>
                  <a:pt x="592570" y="2320176"/>
                  <a:pt x="592511" y="2325843"/>
                  <a:pt x="591199" y="2331471"/>
                </a:cubicBezTo>
                <a:cubicBezTo>
                  <a:pt x="591242" y="2362806"/>
                  <a:pt x="588791" y="2393697"/>
                  <a:pt x="583732" y="2423947"/>
                </a:cubicBezTo>
                <a:lnTo>
                  <a:pt x="583194" y="2430623"/>
                </a:lnTo>
                <a:cubicBezTo>
                  <a:pt x="583024" y="2430628"/>
                  <a:pt x="582856" y="2430633"/>
                  <a:pt x="582689" y="2430686"/>
                </a:cubicBezTo>
                <a:cubicBezTo>
                  <a:pt x="537576" y="2747315"/>
                  <a:pt x="306662" y="3005901"/>
                  <a:pt x="0" y="3097101"/>
                </a:cubicBezTo>
                <a:lnTo>
                  <a:pt x="0" y="2964763"/>
                </a:lnTo>
                <a:cubicBezTo>
                  <a:pt x="229298" y="2881926"/>
                  <a:pt x="402181" y="2686530"/>
                  <a:pt x="449203" y="2447425"/>
                </a:cubicBezTo>
                <a:cubicBezTo>
                  <a:pt x="258971" y="2488309"/>
                  <a:pt x="97576" y="2603574"/>
                  <a:pt x="0" y="2761314"/>
                </a:cubicBezTo>
                <a:lnTo>
                  <a:pt x="0" y="2554520"/>
                </a:lnTo>
                <a:cubicBezTo>
                  <a:pt x="121484" y="2431613"/>
                  <a:pt x="282199" y="2345825"/>
                  <a:pt x="462573" y="2315969"/>
                </a:cubicBezTo>
                <a:lnTo>
                  <a:pt x="462690" y="2314821"/>
                </a:lnTo>
                <a:cubicBezTo>
                  <a:pt x="467999" y="2313811"/>
                  <a:pt x="473327" y="2312863"/>
                  <a:pt x="478903" y="2313282"/>
                </a:cubicBezTo>
                <a:cubicBezTo>
                  <a:pt x="510086" y="2307725"/>
                  <a:pt x="541979" y="2304744"/>
                  <a:pt x="574365" y="2304217"/>
                </a:cubicBezTo>
                <a:close/>
                <a:moveTo>
                  <a:pt x="11452667" y="1608087"/>
                </a:moveTo>
                <a:cubicBezTo>
                  <a:pt x="11177477" y="1666766"/>
                  <a:pt x="10962633" y="1879876"/>
                  <a:pt x="10909358" y="2148655"/>
                </a:cubicBezTo>
                <a:cubicBezTo>
                  <a:pt x="11184548" y="2089976"/>
                  <a:pt x="11399391" y="1876866"/>
                  <a:pt x="11452667" y="1608087"/>
                </a:cubicBezTo>
                <a:close/>
                <a:moveTo>
                  <a:pt x="10058800" y="1608087"/>
                </a:moveTo>
                <a:cubicBezTo>
                  <a:pt x="10112076" y="1876866"/>
                  <a:pt x="10326919" y="2089976"/>
                  <a:pt x="10602109" y="2148655"/>
                </a:cubicBezTo>
                <a:cubicBezTo>
                  <a:pt x="10548834" y="1879876"/>
                  <a:pt x="10333990" y="1666766"/>
                  <a:pt x="10058800" y="1608087"/>
                </a:cubicBezTo>
                <a:close/>
                <a:moveTo>
                  <a:pt x="9760514" y="1608087"/>
                </a:moveTo>
                <a:cubicBezTo>
                  <a:pt x="9485324" y="1666766"/>
                  <a:pt x="9270480" y="1879876"/>
                  <a:pt x="9217205" y="2148655"/>
                </a:cubicBezTo>
                <a:cubicBezTo>
                  <a:pt x="9492395" y="2089976"/>
                  <a:pt x="9707238" y="1876866"/>
                  <a:pt x="9760514" y="1608087"/>
                </a:cubicBezTo>
                <a:close/>
                <a:moveTo>
                  <a:pt x="8366649" y="1608087"/>
                </a:moveTo>
                <a:cubicBezTo>
                  <a:pt x="8419925" y="1876866"/>
                  <a:pt x="8634768" y="2089976"/>
                  <a:pt x="8909958" y="2148655"/>
                </a:cubicBezTo>
                <a:cubicBezTo>
                  <a:pt x="8856683" y="1879876"/>
                  <a:pt x="8641839" y="1666766"/>
                  <a:pt x="8366649" y="1608087"/>
                </a:cubicBezTo>
                <a:close/>
                <a:moveTo>
                  <a:pt x="8068363" y="1608087"/>
                </a:moveTo>
                <a:cubicBezTo>
                  <a:pt x="7793173" y="1666766"/>
                  <a:pt x="7578329" y="1879876"/>
                  <a:pt x="7525054" y="2148655"/>
                </a:cubicBezTo>
                <a:cubicBezTo>
                  <a:pt x="7800244" y="2089976"/>
                  <a:pt x="8015087" y="1876866"/>
                  <a:pt x="8068363" y="1608087"/>
                </a:cubicBezTo>
                <a:close/>
                <a:moveTo>
                  <a:pt x="6674498" y="1608087"/>
                </a:moveTo>
                <a:cubicBezTo>
                  <a:pt x="6727774" y="1876866"/>
                  <a:pt x="6942617" y="2089976"/>
                  <a:pt x="7217807" y="2148655"/>
                </a:cubicBezTo>
                <a:cubicBezTo>
                  <a:pt x="7164532" y="1879876"/>
                  <a:pt x="6949688" y="1666766"/>
                  <a:pt x="6674498" y="1608087"/>
                </a:cubicBezTo>
                <a:close/>
                <a:moveTo>
                  <a:pt x="6376212" y="1608087"/>
                </a:moveTo>
                <a:cubicBezTo>
                  <a:pt x="6101022" y="1666766"/>
                  <a:pt x="5886178" y="1879876"/>
                  <a:pt x="5832903" y="2148655"/>
                </a:cubicBezTo>
                <a:cubicBezTo>
                  <a:pt x="6108093" y="2089976"/>
                  <a:pt x="6322936" y="1876866"/>
                  <a:pt x="6376212" y="1608087"/>
                </a:cubicBezTo>
                <a:close/>
                <a:moveTo>
                  <a:pt x="4982347" y="1608087"/>
                </a:moveTo>
                <a:cubicBezTo>
                  <a:pt x="5035623" y="1876866"/>
                  <a:pt x="5250466" y="2089976"/>
                  <a:pt x="5525656" y="2148655"/>
                </a:cubicBezTo>
                <a:cubicBezTo>
                  <a:pt x="5472381" y="1879876"/>
                  <a:pt x="5257537" y="1666766"/>
                  <a:pt x="4982347" y="1608087"/>
                </a:cubicBezTo>
                <a:close/>
                <a:moveTo>
                  <a:pt x="4684061" y="1608087"/>
                </a:moveTo>
                <a:cubicBezTo>
                  <a:pt x="4408871" y="1666766"/>
                  <a:pt x="4194027" y="1879876"/>
                  <a:pt x="4140752" y="2148655"/>
                </a:cubicBezTo>
                <a:cubicBezTo>
                  <a:pt x="4415942" y="2089976"/>
                  <a:pt x="4630785" y="1876866"/>
                  <a:pt x="4684061" y="1608087"/>
                </a:cubicBezTo>
                <a:close/>
                <a:moveTo>
                  <a:pt x="3290196" y="1608087"/>
                </a:moveTo>
                <a:cubicBezTo>
                  <a:pt x="3343472" y="1876866"/>
                  <a:pt x="3558315" y="2089976"/>
                  <a:pt x="3833505" y="2148655"/>
                </a:cubicBezTo>
                <a:cubicBezTo>
                  <a:pt x="3780230" y="1879876"/>
                  <a:pt x="3565386" y="1666766"/>
                  <a:pt x="3290196" y="1608087"/>
                </a:cubicBezTo>
                <a:close/>
                <a:moveTo>
                  <a:pt x="2991910" y="1608087"/>
                </a:moveTo>
                <a:cubicBezTo>
                  <a:pt x="2716720" y="1666766"/>
                  <a:pt x="2501876" y="1879876"/>
                  <a:pt x="2448601" y="2148655"/>
                </a:cubicBezTo>
                <a:cubicBezTo>
                  <a:pt x="2723791" y="2089976"/>
                  <a:pt x="2938634" y="1876866"/>
                  <a:pt x="2991910" y="1608087"/>
                </a:cubicBezTo>
                <a:close/>
                <a:moveTo>
                  <a:pt x="1598045" y="1608087"/>
                </a:moveTo>
                <a:cubicBezTo>
                  <a:pt x="1651321" y="1876866"/>
                  <a:pt x="1866164" y="2089976"/>
                  <a:pt x="2141354" y="2148655"/>
                </a:cubicBezTo>
                <a:cubicBezTo>
                  <a:pt x="2088079" y="1879876"/>
                  <a:pt x="1873235" y="1666766"/>
                  <a:pt x="1598045" y="1608087"/>
                </a:cubicBezTo>
                <a:close/>
                <a:moveTo>
                  <a:pt x="1299759" y="1608087"/>
                </a:moveTo>
                <a:cubicBezTo>
                  <a:pt x="1024569" y="1666766"/>
                  <a:pt x="809725" y="1879876"/>
                  <a:pt x="756450" y="2148655"/>
                </a:cubicBezTo>
                <a:cubicBezTo>
                  <a:pt x="1031640" y="2089976"/>
                  <a:pt x="1246483" y="1876866"/>
                  <a:pt x="1299759" y="1608087"/>
                </a:cubicBezTo>
                <a:close/>
                <a:moveTo>
                  <a:pt x="0" y="1504081"/>
                </a:moveTo>
                <a:cubicBezTo>
                  <a:pt x="306658" y="1594561"/>
                  <a:pt x="537576" y="1851117"/>
                  <a:pt x="582690" y="2165262"/>
                </a:cubicBezTo>
                <a:cubicBezTo>
                  <a:pt x="582857" y="2165315"/>
                  <a:pt x="583026" y="2165320"/>
                  <a:pt x="583195" y="2165325"/>
                </a:cubicBezTo>
                <a:lnTo>
                  <a:pt x="583735" y="2171962"/>
                </a:lnTo>
                <a:cubicBezTo>
                  <a:pt x="588792" y="2201969"/>
                  <a:pt x="591242" y="2232611"/>
                  <a:pt x="591199" y="2263693"/>
                </a:cubicBezTo>
                <a:cubicBezTo>
                  <a:pt x="592511" y="2269279"/>
                  <a:pt x="592570" y="2274903"/>
                  <a:pt x="592570" y="2280541"/>
                </a:cubicBezTo>
                <a:cubicBezTo>
                  <a:pt x="592570" y="2284333"/>
                  <a:pt x="592543" y="2288119"/>
                  <a:pt x="591977" y="2291891"/>
                </a:cubicBezTo>
                <a:lnTo>
                  <a:pt x="591478" y="2291858"/>
                </a:lnTo>
                <a:lnTo>
                  <a:pt x="591452" y="2292349"/>
                </a:lnTo>
                <a:lnTo>
                  <a:pt x="574334" y="2290736"/>
                </a:lnTo>
                <a:cubicBezTo>
                  <a:pt x="541959" y="2290213"/>
                  <a:pt x="510079" y="2287255"/>
                  <a:pt x="478907" y="2281745"/>
                </a:cubicBezTo>
                <a:cubicBezTo>
                  <a:pt x="473330" y="2282161"/>
                  <a:pt x="468001" y="2281220"/>
                  <a:pt x="462690" y="2280217"/>
                </a:cubicBezTo>
                <a:lnTo>
                  <a:pt x="462574" y="2279078"/>
                </a:lnTo>
                <a:cubicBezTo>
                  <a:pt x="282200" y="2249456"/>
                  <a:pt x="121485" y="2164343"/>
                  <a:pt x="0" y="2042401"/>
                </a:cubicBezTo>
                <a:lnTo>
                  <a:pt x="0" y="1837231"/>
                </a:lnTo>
                <a:cubicBezTo>
                  <a:pt x="97584" y="1993737"/>
                  <a:pt x="258975" y="2108093"/>
                  <a:pt x="449203" y="2148655"/>
                </a:cubicBezTo>
                <a:cubicBezTo>
                  <a:pt x="402182" y="1911427"/>
                  <a:pt x="229297" y="1717565"/>
                  <a:pt x="0" y="1635380"/>
                </a:cubicBezTo>
                <a:close/>
                <a:moveTo>
                  <a:pt x="11608704" y="1464394"/>
                </a:moveTo>
                <a:lnTo>
                  <a:pt x="11625791" y="1466004"/>
                </a:lnTo>
                <a:cubicBezTo>
                  <a:pt x="11658177" y="1466527"/>
                  <a:pt x="11690070" y="1469485"/>
                  <a:pt x="11721253" y="1474998"/>
                </a:cubicBezTo>
                <a:cubicBezTo>
                  <a:pt x="11726829" y="1474582"/>
                  <a:pt x="11732157" y="1475523"/>
                  <a:pt x="11737466" y="1476525"/>
                </a:cubicBezTo>
                <a:lnTo>
                  <a:pt x="11737583" y="1477664"/>
                </a:lnTo>
                <a:cubicBezTo>
                  <a:pt x="11914088" y="1506650"/>
                  <a:pt x="12071767" y="1588774"/>
                  <a:pt x="12192000" y="1706842"/>
                </a:cubicBezTo>
                <a:lnTo>
                  <a:pt x="12192000" y="1906833"/>
                </a:lnTo>
                <a:cubicBezTo>
                  <a:pt x="12093732" y="1756811"/>
                  <a:pt x="11935983" y="1647542"/>
                  <a:pt x="11750953" y="1608088"/>
                </a:cubicBezTo>
                <a:cubicBezTo>
                  <a:pt x="11797422" y="1842524"/>
                  <a:pt x="11966808" y="2034608"/>
                  <a:pt x="12192000" y="2118654"/>
                </a:cubicBezTo>
                <a:lnTo>
                  <a:pt x="12192000" y="2250657"/>
                </a:lnTo>
                <a:cubicBezTo>
                  <a:pt x="11889465" y="2157681"/>
                  <a:pt x="11662185" y="1902872"/>
                  <a:pt x="11617468" y="1591480"/>
                </a:cubicBezTo>
                <a:cubicBezTo>
                  <a:pt x="11617300" y="1591427"/>
                  <a:pt x="11617132" y="1591423"/>
                  <a:pt x="11616962" y="1591418"/>
                </a:cubicBezTo>
                <a:lnTo>
                  <a:pt x="11616424" y="1584794"/>
                </a:lnTo>
                <a:cubicBezTo>
                  <a:pt x="11611365" y="1554782"/>
                  <a:pt x="11608914" y="1524133"/>
                  <a:pt x="11608957" y="1493044"/>
                </a:cubicBezTo>
                <a:cubicBezTo>
                  <a:pt x="11607645" y="1487460"/>
                  <a:pt x="11607586" y="1481838"/>
                  <a:pt x="11607586" y="1476202"/>
                </a:cubicBezTo>
                <a:lnTo>
                  <a:pt x="11608180" y="1464851"/>
                </a:lnTo>
                <a:lnTo>
                  <a:pt x="11608678" y="1464884"/>
                </a:lnTo>
                <a:close/>
                <a:moveTo>
                  <a:pt x="11594916" y="1464394"/>
                </a:moveTo>
                <a:lnTo>
                  <a:pt x="11594942" y="1464884"/>
                </a:lnTo>
                <a:lnTo>
                  <a:pt x="11595440" y="1464852"/>
                </a:lnTo>
                <a:lnTo>
                  <a:pt x="11596034" y="1476202"/>
                </a:lnTo>
                <a:cubicBezTo>
                  <a:pt x="11596034" y="1481838"/>
                  <a:pt x="11595975" y="1487460"/>
                  <a:pt x="11594663" y="1493044"/>
                </a:cubicBezTo>
                <a:cubicBezTo>
                  <a:pt x="11594706" y="1524133"/>
                  <a:pt x="11592255" y="1554782"/>
                  <a:pt x="11587196" y="1584794"/>
                </a:cubicBezTo>
                <a:lnTo>
                  <a:pt x="11586658" y="1591418"/>
                </a:lnTo>
                <a:cubicBezTo>
                  <a:pt x="11586488" y="1591423"/>
                  <a:pt x="11586320" y="1591427"/>
                  <a:pt x="11586152" y="1591480"/>
                </a:cubicBezTo>
                <a:cubicBezTo>
                  <a:pt x="11535877" y="1941574"/>
                  <a:pt x="11254838" y="2220146"/>
                  <a:pt x="10895987" y="2279078"/>
                </a:cubicBezTo>
                <a:lnTo>
                  <a:pt x="10895871" y="2280217"/>
                </a:lnTo>
                <a:cubicBezTo>
                  <a:pt x="10890560" y="2281220"/>
                  <a:pt x="10885231" y="2282161"/>
                  <a:pt x="10879654" y="2281745"/>
                </a:cubicBezTo>
                <a:cubicBezTo>
                  <a:pt x="10848482" y="2287255"/>
                  <a:pt x="10816602" y="2290213"/>
                  <a:pt x="10784227" y="2290736"/>
                </a:cubicBezTo>
                <a:lnTo>
                  <a:pt x="10767109" y="2292349"/>
                </a:lnTo>
                <a:lnTo>
                  <a:pt x="10767083" y="2291858"/>
                </a:lnTo>
                <a:lnTo>
                  <a:pt x="10766584" y="2291891"/>
                </a:lnTo>
                <a:cubicBezTo>
                  <a:pt x="10766018" y="2288119"/>
                  <a:pt x="10765991" y="2284333"/>
                  <a:pt x="10765991" y="2280541"/>
                </a:cubicBezTo>
                <a:cubicBezTo>
                  <a:pt x="10765991" y="2274903"/>
                  <a:pt x="10766050" y="2269279"/>
                  <a:pt x="10767362" y="2263693"/>
                </a:cubicBezTo>
                <a:cubicBezTo>
                  <a:pt x="10767319" y="2232611"/>
                  <a:pt x="10769769" y="2201969"/>
                  <a:pt x="10774826" y="2171962"/>
                </a:cubicBezTo>
                <a:lnTo>
                  <a:pt x="10775366" y="2165325"/>
                </a:lnTo>
                <a:cubicBezTo>
                  <a:pt x="10775535" y="2165320"/>
                  <a:pt x="10775704" y="2165315"/>
                  <a:pt x="10775872" y="2165262"/>
                </a:cubicBezTo>
                <a:cubicBezTo>
                  <a:pt x="10826148" y="1815167"/>
                  <a:pt x="11107187" y="1536596"/>
                  <a:pt x="11466037" y="1477664"/>
                </a:cubicBezTo>
                <a:lnTo>
                  <a:pt x="11466154" y="1476525"/>
                </a:lnTo>
                <a:cubicBezTo>
                  <a:pt x="11471463" y="1475523"/>
                  <a:pt x="11476791" y="1474582"/>
                  <a:pt x="11482367" y="1474998"/>
                </a:cubicBezTo>
                <a:cubicBezTo>
                  <a:pt x="11513550" y="1469485"/>
                  <a:pt x="11545443" y="1466527"/>
                  <a:pt x="11577829" y="1466004"/>
                </a:cubicBezTo>
                <a:close/>
                <a:moveTo>
                  <a:pt x="9916551" y="1464394"/>
                </a:moveTo>
                <a:lnTo>
                  <a:pt x="9933638" y="1466004"/>
                </a:lnTo>
                <a:cubicBezTo>
                  <a:pt x="9966024" y="1466527"/>
                  <a:pt x="9997917" y="1469485"/>
                  <a:pt x="10029100" y="1474998"/>
                </a:cubicBezTo>
                <a:cubicBezTo>
                  <a:pt x="10034676" y="1474582"/>
                  <a:pt x="10040004" y="1475523"/>
                  <a:pt x="10045313" y="1476525"/>
                </a:cubicBezTo>
                <a:lnTo>
                  <a:pt x="10045430" y="1477664"/>
                </a:lnTo>
                <a:cubicBezTo>
                  <a:pt x="10404280" y="1536596"/>
                  <a:pt x="10685319" y="1815167"/>
                  <a:pt x="10735596" y="2165262"/>
                </a:cubicBezTo>
                <a:cubicBezTo>
                  <a:pt x="10735763" y="2165315"/>
                  <a:pt x="10735932" y="2165320"/>
                  <a:pt x="10736101" y="2165325"/>
                </a:cubicBezTo>
                <a:lnTo>
                  <a:pt x="10736641" y="2171962"/>
                </a:lnTo>
                <a:cubicBezTo>
                  <a:pt x="10741698" y="2201969"/>
                  <a:pt x="10744148" y="2232611"/>
                  <a:pt x="10744105" y="2263693"/>
                </a:cubicBezTo>
                <a:cubicBezTo>
                  <a:pt x="10745417" y="2269279"/>
                  <a:pt x="10745476" y="2274903"/>
                  <a:pt x="10745476" y="2280541"/>
                </a:cubicBezTo>
                <a:cubicBezTo>
                  <a:pt x="10745476" y="2284333"/>
                  <a:pt x="10745449" y="2288119"/>
                  <a:pt x="10744883" y="2291891"/>
                </a:cubicBezTo>
                <a:lnTo>
                  <a:pt x="10744384" y="2291858"/>
                </a:lnTo>
                <a:lnTo>
                  <a:pt x="10744358" y="2292349"/>
                </a:lnTo>
                <a:lnTo>
                  <a:pt x="10727240" y="2290736"/>
                </a:lnTo>
                <a:cubicBezTo>
                  <a:pt x="10694865" y="2290213"/>
                  <a:pt x="10662985" y="2287255"/>
                  <a:pt x="10631813" y="2281745"/>
                </a:cubicBezTo>
                <a:cubicBezTo>
                  <a:pt x="10626236" y="2282161"/>
                  <a:pt x="10620907" y="2281220"/>
                  <a:pt x="10615596" y="2280217"/>
                </a:cubicBezTo>
                <a:lnTo>
                  <a:pt x="10615480" y="2279078"/>
                </a:lnTo>
                <a:cubicBezTo>
                  <a:pt x="10256629" y="2220146"/>
                  <a:pt x="9975590" y="1941574"/>
                  <a:pt x="9925315" y="1591480"/>
                </a:cubicBezTo>
                <a:cubicBezTo>
                  <a:pt x="9925147" y="1591427"/>
                  <a:pt x="9924979" y="1591423"/>
                  <a:pt x="9924809" y="1591418"/>
                </a:cubicBezTo>
                <a:lnTo>
                  <a:pt x="9924271" y="1584794"/>
                </a:lnTo>
                <a:cubicBezTo>
                  <a:pt x="9919212" y="1554782"/>
                  <a:pt x="9916761" y="1524133"/>
                  <a:pt x="9916804" y="1493044"/>
                </a:cubicBezTo>
                <a:cubicBezTo>
                  <a:pt x="9915492" y="1487460"/>
                  <a:pt x="9915433" y="1481838"/>
                  <a:pt x="9915433" y="1476202"/>
                </a:cubicBezTo>
                <a:lnTo>
                  <a:pt x="9916027" y="1464852"/>
                </a:lnTo>
                <a:lnTo>
                  <a:pt x="9916525" y="1464884"/>
                </a:lnTo>
                <a:close/>
                <a:moveTo>
                  <a:pt x="9902763" y="1464394"/>
                </a:moveTo>
                <a:lnTo>
                  <a:pt x="9902789" y="1464884"/>
                </a:lnTo>
                <a:lnTo>
                  <a:pt x="9903287" y="1464852"/>
                </a:lnTo>
                <a:lnTo>
                  <a:pt x="9903881" y="1476202"/>
                </a:lnTo>
                <a:cubicBezTo>
                  <a:pt x="9903881" y="1481838"/>
                  <a:pt x="9903822" y="1487460"/>
                  <a:pt x="9902510" y="1493044"/>
                </a:cubicBezTo>
                <a:cubicBezTo>
                  <a:pt x="9902553" y="1524133"/>
                  <a:pt x="9900102" y="1554782"/>
                  <a:pt x="9895043" y="1584794"/>
                </a:cubicBezTo>
                <a:lnTo>
                  <a:pt x="9894505" y="1591418"/>
                </a:lnTo>
                <a:cubicBezTo>
                  <a:pt x="9894335" y="1591423"/>
                  <a:pt x="9894167" y="1591427"/>
                  <a:pt x="9893999" y="1591480"/>
                </a:cubicBezTo>
                <a:cubicBezTo>
                  <a:pt x="9843724" y="1941574"/>
                  <a:pt x="9562685" y="2220146"/>
                  <a:pt x="9203834" y="2279078"/>
                </a:cubicBezTo>
                <a:lnTo>
                  <a:pt x="9203718" y="2280217"/>
                </a:lnTo>
                <a:cubicBezTo>
                  <a:pt x="9198407" y="2281220"/>
                  <a:pt x="9193078" y="2282161"/>
                  <a:pt x="9187501" y="2281745"/>
                </a:cubicBezTo>
                <a:cubicBezTo>
                  <a:pt x="9156329" y="2287255"/>
                  <a:pt x="9124449" y="2290213"/>
                  <a:pt x="9092074" y="2290736"/>
                </a:cubicBezTo>
                <a:lnTo>
                  <a:pt x="9074956" y="2292349"/>
                </a:lnTo>
                <a:lnTo>
                  <a:pt x="9074930" y="2291858"/>
                </a:lnTo>
                <a:lnTo>
                  <a:pt x="9074431" y="2291891"/>
                </a:lnTo>
                <a:cubicBezTo>
                  <a:pt x="9073865" y="2288119"/>
                  <a:pt x="9073838" y="2284333"/>
                  <a:pt x="9073838" y="2280541"/>
                </a:cubicBezTo>
                <a:cubicBezTo>
                  <a:pt x="9073838" y="2274903"/>
                  <a:pt x="9073897" y="2269279"/>
                  <a:pt x="9075209" y="2263693"/>
                </a:cubicBezTo>
                <a:cubicBezTo>
                  <a:pt x="9075166" y="2232611"/>
                  <a:pt x="9077616" y="2201969"/>
                  <a:pt x="9082673" y="2171962"/>
                </a:cubicBezTo>
                <a:lnTo>
                  <a:pt x="9083213" y="2165325"/>
                </a:lnTo>
                <a:cubicBezTo>
                  <a:pt x="9083382" y="2165320"/>
                  <a:pt x="9083551" y="2165315"/>
                  <a:pt x="9083718" y="2165262"/>
                </a:cubicBezTo>
                <a:cubicBezTo>
                  <a:pt x="9133995" y="1815167"/>
                  <a:pt x="9415034" y="1536596"/>
                  <a:pt x="9773884" y="1477664"/>
                </a:cubicBezTo>
                <a:lnTo>
                  <a:pt x="9774001" y="1476525"/>
                </a:lnTo>
                <a:cubicBezTo>
                  <a:pt x="9779310" y="1475523"/>
                  <a:pt x="9784638" y="1474582"/>
                  <a:pt x="9790214" y="1474998"/>
                </a:cubicBezTo>
                <a:cubicBezTo>
                  <a:pt x="9821397" y="1469485"/>
                  <a:pt x="9853290" y="1466527"/>
                  <a:pt x="9885676" y="1466004"/>
                </a:cubicBezTo>
                <a:close/>
                <a:moveTo>
                  <a:pt x="8224400" y="1464394"/>
                </a:moveTo>
                <a:lnTo>
                  <a:pt x="8241488" y="1466004"/>
                </a:lnTo>
                <a:cubicBezTo>
                  <a:pt x="8273873" y="1466527"/>
                  <a:pt x="8305766" y="1469485"/>
                  <a:pt x="8336949" y="1474998"/>
                </a:cubicBezTo>
                <a:cubicBezTo>
                  <a:pt x="8342525" y="1474582"/>
                  <a:pt x="8347853" y="1475523"/>
                  <a:pt x="8353162" y="1476525"/>
                </a:cubicBezTo>
                <a:lnTo>
                  <a:pt x="8353279" y="1477664"/>
                </a:lnTo>
                <a:cubicBezTo>
                  <a:pt x="8712129" y="1536596"/>
                  <a:pt x="8993168" y="1815167"/>
                  <a:pt x="9043444" y="2165262"/>
                </a:cubicBezTo>
                <a:cubicBezTo>
                  <a:pt x="9043612" y="2165315"/>
                  <a:pt x="9043781" y="2165320"/>
                  <a:pt x="9043950" y="2165325"/>
                </a:cubicBezTo>
                <a:lnTo>
                  <a:pt x="9044490" y="2171962"/>
                </a:lnTo>
                <a:cubicBezTo>
                  <a:pt x="9049547" y="2201969"/>
                  <a:pt x="9051997" y="2232611"/>
                  <a:pt x="9051954" y="2263693"/>
                </a:cubicBezTo>
                <a:cubicBezTo>
                  <a:pt x="9053266" y="2269279"/>
                  <a:pt x="9053325" y="2274903"/>
                  <a:pt x="9053325" y="2280541"/>
                </a:cubicBezTo>
                <a:cubicBezTo>
                  <a:pt x="9053325" y="2284333"/>
                  <a:pt x="9053298" y="2288119"/>
                  <a:pt x="9052732" y="2291891"/>
                </a:cubicBezTo>
                <a:lnTo>
                  <a:pt x="9052233" y="2291858"/>
                </a:lnTo>
                <a:lnTo>
                  <a:pt x="9052207" y="2292349"/>
                </a:lnTo>
                <a:lnTo>
                  <a:pt x="9035089" y="2290736"/>
                </a:lnTo>
                <a:cubicBezTo>
                  <a:pt x="9002714" y="2290213"/>
                  <a:pt x="8970834" y="2287255"/>
                  <a:pt x="8939662" y="2281745"/>
                </a:cubicBezTo>
                <a:cubicBezTo>
                  <a:pt x="8934085" y="2282161"/>
                  <a:pt x="8928756" y="2281220"/>
                  <a:pt x="8923445" y="2280217"/>
                </a:cubicBezTo>
                <a:lnTo>
                  <a:pt x="8923329" y="2279078"/>
                </a:lnTo>
                <a:cubicBezTo>
                  <a:pt x="8564478" y="2220146"/>
                  <a:pt x="8283439" y="1941574"/>
                  <a:pt x="8233164" y="1591480"/>
                </a:cubicBezTo>
                <a:cubicBezTo>
                  <a:pt x="8232996" y="1591427"/>
                  <a:pt x="8232828" y="1591423"/>
                  <a:pt x="8232658" y="1591418"/>
                </a:cubicBezTo>
                <a:lnTo>
                  <a:pt x="8232120" y="1584794"/>
                </a:lnTo>
                <a:cubicBezTo>
                  <a:pt x="8227061" y="1554782"/>
                  <a:pt x="8224611" y="1524133"/>
                  <a:pt x="8224653" y="1493044"/>
                </a:cubicBezTo>
                <a:cubicBezTo>
                  <a:pt x="8223341" y="1487460"/>
                  <a:pt x="8223282" y="1481838"/>
                  <a:pt x="8223282" y="1476202"/>
                </a:cubicBezTo>
                <a:lnTo>
                  <a:pt x="8223876" y="1464852"/>
                </a:lnTo>
                <a:lnTo>
                  <a:pt x="8224374" y="1464884"/>
                </a:lnTo>
                <a:close/>
                <a:moveTo>
                  <a:pt x="8210612" y="1464394"/>
                </a:moveTo>
                <a:lnTo>
                  <a:pt x="8210638" y="1464884"/>
                </a:lnTo>
                <a:lnTo>
                  <a:pt x="8211136" y="1464852"/>
                </a:lnTo>
                <a:lnTo>
                  <a:pt x="8211730" y="1476202"/>
                </a:lnTo>
                <a:cubicBezTo>
                  <a:pt x="8211730" y="1481838"/>
                  <a:pt x="8211672" y="1487460"/>
                  <a:pt x="8210360" y="1493044"/>
                </a:cubicBezTo>
                <a:cubicBezTo>
                  <a:pt x="8210402" y="1524133"/>
                  <a:pt x="8207951" y="1554782"/>
                  <a:pt x="8202893" y="1584794"/>
                </a:cubicBezTo>
                <a:lnTo>
                  <a:pt x="8202354" y="1591418"/>
                </a:lnTo>
                <a:cubicBezTo>
                  <a:pt x="8202185" y="1591423"/>
                  <a:pt x="8202016" y="1591427"/>
                  <a:pt x="8201849" y="1591480"/>
                </a:cubicBezTo>
                <a:cubicBezTo>
                  <a:pt x="8151573" y="1941574"/>
                  <a:pt x="7870534" y="2220146"/>
                  <a:pt x="7511683" y="2279078"/>
                </a:cubicBezTo>
                <a:lnTo>
                  <a:pt x="7511567" y="2280217"/>
                </a:lnTo>
                <a:cubicBezTo>
                  <a:pt x="7506256" y="2281220"/>
                  <a:pt x="7500927" y="2282161"/>
                  <a:pt x="7495350" y="2281745"/>
                </a:cubicBezTo>
                <a:cubicBezTo>
                  <a:pt x="7464178" y="2287255"/>
                  <a:pt x="7432298" y="2290213"/>
                  <a:pt x="7399924" y="2290736"/>
                </a:cubicBezTo>
                <a:lnTo>
                  <a:pt x="7382805" y="2292349"/>
                </a:lnTo>
                <a:lnTo>
                  <a:pt x="7382779" y="2291858"/>
                </a:lnTo>
                <a:lnTo>
                  <a:pt x="7382280" y="2291891"/>
                </a:lnTo>
                <a:cubicBezTo>
                  <a:pt x="7381714" y="2288119"/>
                  <a:pt x="7381687" y="2284333"/>
                  <a:pt x="7381687" y="2280541"/>
                </a:cubicBezTo>
                <a:cubicBezTo>
                  <a:pt x="7381687" y="2274903"/>
                  <a:pt x="7381746" y="2269279"/>
                  <a:pt x="7383058" y="2263693"/>
                </a:cubicBezTo>
                <a:cubicBezTo>
                  <a:pt x="7383016" y="2232611"/>
                  <a:pt x="7385465" y="2201969"/>
                  <a:pt x="7390522" y="2171962"/>
                </a:cubicBezTo>
                <a:lnTo>
                  <a:pt x="7391062" y="2165325"/>
                </a:lnTo>
                <a:cubicBezTo>
                  <a:pt x="7391231" y="2165320"/>
                  <a:pt x="7391400" y="2165315"/>
                  <a:pt x="7391568" y="2165262"/>
                </a:cubicBezTo>
                <a:cubicBezTo>
                  <a:pt x="7441844" y="1815167"/>
                  <a:pt x="7722883" y="1536596"/>
                  <a:pt x="8081734" y="1477664"/>
                </a:cubicBezTo>
                <a:lnTo>
                  <a:pt x="8081851" y="1476525"/>
                </a:lnTo>
                <a:cubicBezTo>
                  <a:pt x="8087159" y="1475523"/>
                  <a:pt x="8092487" y="1474582"/>
                  <a:pt x="8098063" y="1474998"/>
                </a:cubicBezTo>
                <a:cubicBezTo>
                  <a:pt x="8129247" y="1469485"/>
                  <a:pt x="8161139" y="1466527"/>
                  <a:pt x="8193525" y="1466004"/>
                </a:cubicBezTo>
                <a:close/>
                <a:moveTo>
                  <a:pt x="6532249" y="1464394"/>
                </a:moveTo>
                <a:lnTo>
                  <a:pt x="6549337" y="1466004"/>
                </a:lnTo>
                <a:cubicBezTo>
                  <a:pt x="6581722" y="1466527"/>
                  <a:pt x="6613615" y="1469485"/>
                  <a:pt x="6644798" y="1474998"/>
                </a:cubicBezTo>
                <a:cubicBezTo>
                  <a:pt x="6650374" y="1474582"/>
                  <a:pt x="6655702" y="1475523"/>
                  <a:pt x="6661011" y="1476525"/>
                </a:cubicBezTo>
                <a:lnTo>
                  <a:pt x="6661128" y="1477664"/>
                </a:lnTo>
                <a:cubicBezTo>
                  <a:pt x="7019978" y="1536596"/>
                  <a:pt x="7301017" y="1815167"/>
                  <a:pt x="7351294" y="2165262"/>
                </a:cubicBezTo>
                <a:cubicBezTo>
                  <a:pt x="7351461" y="2165315"/>
                  <a:pt x="7351631" y="2165320"/>
                  <a:pt x="7351799" y="2165325"/>
                </a:cubicBezTo>
                <a:lnTo>
                  <a:pt x="7352340" y="2171962"/>
                </a:lnTo>
                <a:cubicBezTo>
                  <a:pt x="7357396" y="2201969"/>
                  <a:pt x="7359846" y="2232611"/>
                  <a:pt x="7359804" y="2263693"/>
                </a:cubicBezTo>
                <a:cubicBezTo>
                  <a:pt x="7361116" y="2269279"/>
                  <a:pt x="7361174" y="2274903"/>
                  <a:pt x="7361174" y="2280541"/>
                </a:cubicBezTo>
                <a:cubicBezTo>
                  <a:pt x="7361174" y="2284333"/>
                  <a:pt x="7361147" y="2288119"/>
                  <a:pt x="7360581" y="2291891"/>
                </a:cubicBezTo>
                <a:lnTo>
                  <a:pt x="7360082" y="2291858"/>
                </a:lnTo>
                <a:lnTo>
                  <a:pt x="7360056" y="2292349"/>
                </a:lnTo>
                <a:lnTo>
                  <a:pt x="7342938" y="2290736"/>
                </a:lnTo>
                <a:cubicBezTo>
                  <a:pt x="7310564" y="2290213"/>
                  <a:pt x="7278683" y="2287255"/>
                  <a:pt x="7247511" y="2281745"/>
                </a:cubicBezTo>
                <a:cubicBezTo>
                  <a:pt x="7241934" y="2282161"/>
                  <a:pt x="7236605" y="2281220"/>
                  <a:pt x="7231295" y="2280217"/>
                </a:cubicBezTo>
                <a:lnTo>
                  <a:pt x="7231179" y="2279078"/>
                </a:lnTo>
                <a:cubicBezTo>
                  <a:pt x="6872327" y="2220146"/>
                  <a:pt x="6591288" y="1941574"/>
                  <a:pt x="6541013" y="1591480"/>
                </a:cubicBezTo>
                <a:cubicBezTo>
                  <a:pt x="6540845" y="1591427"/>
                  <a:pt x="6540677" y="1591423"/>
                  <a:pt x="6540507" y="1591418"/>
                </a:cubicBezTo>
                <a:lnTo>
                  <a:pt x="6539969" y="1584794"/>
                </a:lnTo>
                <a:cubicBezTo>
                  <a:pt x="6534910" y="1554782"/>
                  <a:pt x="6532460" y="1524133"/>
                  <a:pt x="6532502" y="1493044"/>
                </a:cubicBezTo>
                <a:cubicBezTo>
                  <a:pt x="6531190" y="1487460"/>
                  <a:pt x="6531131" y="1481838"/>
                  <a:pt x="6531131" y="1476202"/>
                </a:cubicBezTo>
                <a:lnTo>
                  <a:pt x="6531725" y="1464852"/>
                </a:lnTo>
                <a:lnTo>
                  <a:pt x="6532223" y="1464884"/>
                </a:lnTo>
                <a:close/>
                <a:moveTo>
                  <a:pt x="6518461" y="1464394"/>
                </a:moveTo>
                <a:lnTo>
                  <a:pt x="6518487" y="1464884"/>
                </a:lnTo>
                <a:lnTo>
                  <a:pt x="6518985" y="1464852"/>
                </a:lnTo>
                <a:lnTo>
                  <a:pt x="6519579" y="1476202"/>
                </a:lnTo>
                <a:cubicBezTo>
                  <a:pt x="6519579" y="1481838"/>
                  <a:pt x="6519520" y="1487460"/>
                  <a:pt x="6518208" y="1493044"/>
                </a:cubicBezTo>
                <a:cubicBezTo>
                  <a:pt x="6518250" y="1524133"/>
                  <a:pt x="6515800" y="1554782"/>
                  <a:pt x="6510741" y="1584794"/>
                </a:cubicBezTo>
                <a:lnTo>
                  <a:pt x="6510203" y="1591418"/>
                </a:lnTo>
                <a:cubicBezTo>
                  <a:pt x="6510033" y="1591423"/>
                  <a:pt x="6509865" y="1591427"/>
                  <a:pt x="6509697" y="1591480"/>
                </a:cubicBezTo>
                <a:cubicBezTo>
                  <a:pt x="6459422" y="1941574"/>
                  <a:pt x="6178383" y="2220146"/>
                  <a:pt x="5819531" y="2279078"/>
                </a:cubicBezTo>
                <a:lnTo>
                  <a:pt x="5819415" y="2280217"/>
                </a:lnTo>
                <a:cubicBezTo>
                  <a:pt x="5814105" y="2281220"/>
                  <a:pt x="5808776" y="2282161"/>
                  <a:pt x="5803199" y="2281745"/>
                </a:cubicBezTo>
                <a:cubicBezTo>
                  <a:pt x="5772027" y="2287255"/>
                  <a:pt x="5740146" y="2290213"/>
                  <a:pt x="5707772" y="2290736"/>
                </a:cubicBezTo>
                <a:lnTo>
                  <a:pt x="5690654" y="2292349"/>
                </a:lnTo>
                <a:lnTo>
                  <a:pt x="5690628" y="2291858"/>
                </a:lnTo>
                <a:lnTo>
                  <a:pt x="5690129" y="2291891"/>
                </a:lnTo>
                <a:cubicBezTo>
                  <a:pt x="5689563" y="2288119"/>
                  <a:pt x="5689536" y="2284333"/>
                  <a:pt x="5689536" y="2280541"/>
                </a:cubicBezTo>
                <a:cubicBezTo>
                  <a:pt x="5689536" y="2274903"/>
                  <a:pt x="5689594" y="2269279"/>
                  <a:pt x="5690906" y="2263693"/>
                </a:cubicBezTo>
                <a:cubicBezTo>
                  <a:pt x="5690864" y="2232611"/>
                  <a:pt x="5693314" y="2201969"/>
                  <a:pt x="5698370" y="2171962"/>
                </a:cubicBezTo>
                <a:lnTo>
                  <a:pt x="5698911" y="2165325"/>
                </a:lnTo>
                <a:cubicBezTo>
                  <a:pt x="5699079" y="2165320"/>
                  <a:pt x="5699249" y="2165315"/>
                  <a:pt x="5699416" y="2165262"/>
                </a:cubicBezTo>
                <a:cubicBezTo>
                  <a:pt x="5749693" y="1815167"/>
                  <a:pt x="6030732" y="1536596"/>
                  <a:pt x="6389582" y="1477664"/>
                </a:cubicBezTo>
                <a:lnTo>
                  <a:pt x="6389699" y="1476525"/>
                </a:lnTo>
                <a:cubicBezTo>
                  <a:pt x="6395008" y="1475523"/>
                  <a:pt x="6400336" y="1474582"/>
                  <a:pt x="6405912" y="1474998"/>
                </a:cubicBezTo>
                <a:cubicBezTo>
                  <a:pt x="6437095" y="1469485"/>
                  <a:pt x="6468988" y="1466527"/>
                  <a:pt x="6501373" y="1466004"/>
                </a:cubicBezTo>
                <a:close/>
                <a:moveTo>
                  <a:pt x="4840098" y="1464394"/>
                </a:moveTo>
                <a:lnTo>
                  <a:pt x="4857185" y="1466004"/>
                </a:lnTo>
                <a:cubicBezTo>
                  <a:pt x="4889571" y="1466527"/>
                  <a:pt x="4921463" y="1469485"/>
                  <a:pt x="4952647" y="1474998"/>
                </a:cubicBezTo>
                <a:cubicBezTo>
                  <a:pt x="4958223" y="1474582"/>
                  <a:pt x="4963551" y="1475523"/>
                  <a:pt x="4968859" y="1476525"/>
                </a:cubicBezTo>
                <a:lnTo>
                  <a:pt x="4968976" y="1477664"/>
                </a:lnTo>
                <a:cubicBezTo>
                  <a:pt x="5327827" y="1536596"/>
                  <a:pt x="5608866" y="1815167"/>
                  <a:pt x="5659142" y="2165262"/>
                </a:cubicBezTo>
                <a:cubicBezTo>
                  <a:pt x="5659310" y="2165315"/>
                  <a:pt x="5659479" y="2165320"/>
                  <a:pt x="5659648" y="2165325"/>
                </a:cubicBezTo>
                <a:lnTo>
                  <a:pt x="5660188" y="2171962"/>
                </a:lnTo>
                <a:cubicBezTo>
                  <a:pt x="5665245" y="2201969"/>
                  <a:pt x="5667694" y="2232611"/>
                  <a:pt x="5667652" y="2263693"/>
                </a:cubicBezTo>
                <a:cubicBezTo>
                  <a:pt x="5668964" y="2269279"/>
                  <a:pt x="5669023" y="2274903"/>
                  <a:pt x="5669023" y="2280541"/>
                </a:cubicBezTo>
                <a:cubicBezTo>
                  <a:pt x="5669023" y="2284333"/>
                  <a:pt x="5668996" y="2288119"/>
                  <a:pt x="5668430" y="2291891"/>
                </a:cubicBezTo>
                <a:lnTo>
                  <a:pt x="5667931" y="2291858"/>
                </a:lnTo>
                <a:lnTo>
                  <a:pt x="5667905" y="2292349"/>
                </a:lnTo>
                <a:lnTo>
                  <a:pt x="5650786" y="2290736"/>
                </a:lnTo>
                <a:cubicBezTo>
                  <a:pt x="5618412" y="2290213"/>
                  <a:pt x="5586532" y="2287255"/>
                  <a:pt x="5555360" y="2281745"/>
                </a:cubicBezTo>
                <a:cubicBezTo>
                  <a:pt x="5549783" y="2282161"/>
                  <a:pt x="5544454" y="2281220"/>
                  <a:pt x="5539143" y="2280217"/>
                </a:cubicBezTo>
                <a:lnTo>
                  <a:pt x="5539027" y="2279078"/>
                </a:lnTo>
                <a:cubicBezTo>
                  <a:pt x="5180176" y="2220146"/>
                  <a:pt x="4899137" y="1941574"/>
                  <a:pt x="4848861" y="1591480"/>
                </a:cubicBezTo>
                <a:cubicBezTo>
                  <a:pt x="4848694" y="1591427"/>
                  <a:pt x="4848525" y="1591423"/>
                  <a:pt x="4848356" y="1591418"/>
                </a:cubicBezTo>
                <a:lnTo>
                  <a:pt x="4847817" y="1584794"/>
                </a:lnTo>
                <a:cubicBezTo>
                  <a:pt x="4842759" y="1554782"/>
                  <a:pt x="4840308" y="1524133"/>
                  <a:pt x="4840350" y="1493044"/>
                </a:cubicBezTo>
                <a:cubicBezTo>
                  <a:pt x="4839038" y="1487460"/>
                  <a:pt x="4838980" y="1481838"/>
                  <a:pt x="4838980" y="1476202"/>
                </a:cubicBezTo>
                <a:lnTo>
                  <a:pt x="4839574" y="1464852"/>
                </a:lnTo>
                <a:lnTo>
                  <a:pt x="4840072" y="1464884"/>
                </a:lnTo>
                <a:close/>
                <a:moveTo>
                  <a:pt x="4826310" y="1464394"/>
                </a:moveTo>
                <a:lnTo>
                  <a:pt x="4826336" y="1464884"/>
                </a:lnTo>
                <a:lnTo>
                  <a:pt x="4826834" y="1464852"/>
                </a:lnTo>
                <a:lnTo>
                  <a:pt x="4827428" y="1476202"/>
                </a:lnTo>
                <a:cubicBezTo>
                  <a:pt x="4827428" y="1481838"/>
                  <a:pt x="4827369" y="1487460"/>
                  <a:pt x="4826057" y="1493044"/>
                </a:cubicBezTo>
                <a:cubicBezTo>
                  <a:pt x="4826099" y="1524133"/>
                  <a:pt x="4823649" y="1554782"/>
                  <a:pt x="4818590" y="1584794"/>
                </a:cubicBezTo>
                <a:lnTo>
                  <a:pt x="4818052" y="1591418"/>
                </a:lnTo>
                <a:cubicBezTo>
                  <a:pt x="4817882" y="1591423"/>
                  <a:pt x="4817714" y="1591427"/>
                  <a:pt x="4817546" y="1591480"/>
                </a:cubicBezTo>
                <a:cubicBezTo>
                  <a:pt x="4767271" y="1941574"/>
                  <a:pt x="4486232" y="2220146"/>
                  <a:pt x="4127381" y="2279078"/>
                </a:cubicBezTo>
                <a:lnTo>
                  <a:pt x="4127264" y="2280217"/>
                </a:lnTo>
                <a:cubicBezTo>
                  <a:pt x="4121954" y="2281220"/>
                  <a:pt x="4116625" y="2282161"/>
                  <a:pt x="4111048" y="2281745"/>
                </a:cubicBezTo>
                <a:cubicBezTo>
                  <a:pt x="4079876" y="2287255"/>
                  <a:pt x="4047996" y="2290213"/>
                  <a:pt x="4015621" y="2290736"/>
                </a:cubicBezTo>
                <a:lnTo>
                  <a:pt x="3998503" y="2292349"/>
                </a:lnTo>
                <a:lnTo>
                  <a:pt x="3998477" y="2291858"/>
                </a:lnTo>
                <a:lnTo>
                  <a:pt x="3997978" y="2291891"/>
                </a:lnTo>
                <a:cubicBezTo>
                  <a:pt x="3997412" y="2288119"/>
                  <a:pt x="3997385" y="2284333"/>
                  <a:pt x="3997385" y="2280541"/>
                </a:cubicBezTo>
                <a:cubicBezTo>
                  <a:pt x="3997385" y="2274903"/>
                  <a:pt x="3997443" y="2269279"/>
                  <a:pt x="3998755" y="2263693"/>
                </a:cubicBezTo>
                <a:cubicBezTo>
                  <a:pt x="3998713" y="2232611"/>
                  <a:pt x="4001163" y="2201969"/>
                  <a:pt x="4006219" y="2171962"/>
                </a:cubicBezTo>
                <a:lnTo>
                  <a:pt x="4006760" y="2165325"/>
                </a:lnTo>
                <a:cubicBezTo>
                  <a:pt x="4006928" y="2165320"/>
                  <a:pt x="4007098" y="2165315"/>
                  <a:pt x="4007265" y="2165262"/>
                </a:cubicBezTo>
                <a:cubicBezTo>
                  <a:pt x="4057542" y="1815167"/>
                  <a:pt x="4338581" y="1536596"/>
                  <a:pt x="4697431" y="1477664"/>
                </a:cubicBezTo>
                <a:lnTo>
                  <a:pt x="4697548" y="1476525"/>
                </a:lnTo>
                <a:cubicBezTo>
                  <a:pt x="4702857" y="1475523"/>
                  <a:pt x="4708185" y="1474582"/>
                  <a:pt x="4713761" y="1474998"/>
                </a:cubicBezTo>
                <a:cubicBezTo>
                  <a:pt x="4744944" y="1469485"/>
                  <a:pt x="4776837" y="1466527"/>
                  <a:pt x="4809222" y="1466004"/>
                </a:cubicBezTo>
                <a:close/>
                <a:moveTo>
                  <a:pt x="3147947" y="1464394"/>
                </a:moveTo>
                <a:lnTo>
                  <a:pt x="3165034" y="1466004"/>
                </a:lnTo>
                <a:cubicBezTo>
                  <a:pt x="3197420" y="1466527"/>
                  <a:pt x="3229312" y="1469485"/>
                  <a:pt x="3260496" y="1474998"/>
                </a:cubicBezTo>
                <a:cubicBezTo>
                  <a:pt x="3266072" y="1474582"/>
                  <a:pt x="3271400" y="1475523"/>
                  <a:pt x="3276708" y="1476525"/>
                </a:cubicBezTo>
                <a:lnTo>
                  <a:pt x="3276826" y="1477664"/>
                </a:lnTo>
                <a:cubicBezTo>
                  <a:pt x="3635676" y="1536596"/>
                  <a:pt x="3916715" y="1815167"/>
                  <a:pt x="3966991" y="2165262"/>
                </a:cubicBezTo>
                <a:cubicBezTo>
                  <a:pt x="3967159" y="2165315"/>
                  <a:pt x="3967328" y="2165320"/>
                  <a:pt x="3967497" y="2165325"/>
                </a:cubicBezTo>
                <a:lnTo>
                  <a:pt x="3968037" y="2171962"/>
                </a:lnTo>
                <a:cubicBezTo>
                  <a:pt x="3973094" y="2201969"/>
                  <a:pt x="3975543" y="2232611"/>
                  <a:pt x="3975501" y="2263693"/>
                </a:cubicBezTo>
                <a:cubicBezTo>
                  <a:pt x="3976813" y="2269279"/>
                  <a:pt x="3976872" y="2274903"/>
                  <a:pt x="3976872" y="2280541"/>
                </a:cubicBezTo>
                <a:cubicBezTo>
                  <a:pt x="3976872" y="2284333"/>
                  <a:pt x="3976845" y="2288119"/>
                  <a:pt x="3976279" y="2291891"/>
                </a:cubicBezTo>
                <a:lnTo>
                  <a:pt x="3975780" y="2291858"/>
                </a:lnTo>
                <a:lnTo>
                  <a:pt x="3975754" y="2292349"/>
                </a:lnTo>
                <a:lnTo>
                  <a:pt x="3958635" y="2290736"/>
                </a:lnTo>
                <a:cubicBezTo>
                  <a:pt x="3926261" y="2290213"/>
                  <a:pt x="3894381" y="2287255"/>
                  <a:pt x="3863209" y="2281745"/>
                </a:cubicBezTo>
                <a:cubicBezTo>
                  <a:pt x="3857632" y="2282161"/>
                  <a:pt x="3852303" y="2281220"/>
                  <a:pt x="3846992" y="2280217"/>
                </a:cubicBezTo>
                <a:lnTo>
                  <a:pt x="3846876" y="2279078"/>
                </a:lnTo>
                <a:cubicBezTo>
                  <a:pt x="3488025" y="2220146"/>
                  <a:pt x="3206986" y="1941574"/>
                  <a:pt x="3156710" y="1591480"/>
                </a:cubicBezTo>
                <a:cubicBezTo>
                  <a:pt x="3156543" y="1591427"/>
                  <a:pt x="3156374" y="1591423"/>
                  <a:pt x="3156205" y="1591418"/>
                </a:cubicBezTo>
                <a:lnTo>
                  <a:pt x="3155667" y="1584794"/>
                </a:lnTo>
                <a:cubicBezTo>
                  <a:pt x="3150608" y="1554782"/>
                  <a:pt x="3148157" y="1524133"/>
                  <a:pt x="3148199" y="1493044"/>
                </a:cubicBezTo>
                <a:cubicBezTo>
                  <a:pt x="3146887" y="1487460"/>
                  <a:pt x="3146829" y="1481838"/>
                  <a:pt x="3146829" y="1476202"/>
                </a:cubicBezTo>
                <a:lnTo>
                  <a:pt x="3147423" y="1464852"/>
                </a:lnTo>
                <a:lnTo>
                  <a:pt x="3147921" y="1464884"/>
                </a:lnTo>
                <a:close/>
                <a:moveTo>
                  <a:pt x="3134159" y="1464394"/>
                </a:moveTo>
                <a:lnTo>
                  <a:pt x="3134185" y="1464884"/>
                </a:lnTo>
                <a:lnTo>
                  <a:pt x="3134683" y="1464852"/>
                </a:lnTo>
                <a:lnTo>
                  <a:pt x="3135277" y="1476202"/>
                </a:lnTo>
                <a:cubicBezTo>
                  <a:pt x="3135277" y="1481838"/>
                  <a:pt x="3135218" y="1487460"/>
                  <a:pt x="3133906" y="1493044"/>
                </a:cubicBezTo>
                <a:cubicBezTo>
                  <a:pt x="3133948" y="1524133"/>
                  <a:pt x="3131498" y="1554782"/>
                  <a:pt x="3126439" y="1584794"/>
                </a:cubicBezTo>
                <a:lnTo>
                  <a:pt x="3125901" y="1591418"/>
                </a:lnTo>
                <a:cubicBezTo>
                  <a:pt x="3125731" y="1591423"/>
                  <a:pt x="3125563" y="1591427"/>
                  <a:pt x="3125395" y="1591480"/>
                </a:cubicBezTo>
                <a:cubicBezTo>
                  <a:pt x="3075120" y="1941574"/>
                  <a:pt x="2794081" y="2220146"/>
                  <a:pt x="2435230" y="2279078"/>
                </a:cubicBezTo>
                <a:lnTo>
                  <a:pt x="2435113" y="2280217"/>
                </a:lnTo>
                <a:cubicBezTo>
                  <a:pt x="2429803" y="2281220"/>
                  <a:pt x="2424474" y="2282161"/>
                  <a:pt x="2418897" y="2281745"/>
                </a:cubicBezTo>
                <a:cubicBezTo>
                  <a:pt x="2387725" y="2287255"/>
                  <a:pt x="2355845" y="2290213"/>
                  <a:pt x="2323470" y="2290736"/>
                </a:cubicBezTo>
                <a:lnTo>
                  <a:pt x="2306352" y="2292349"/>
                </a:lnTo>
                <a:lnTo>
                  <a:pt x="2306326" y="2291858"/>
                </a:lnTo>
                <a:lnTo>
                  <a:pt x="2305827" y="2291891"/>
                </a:lnTo>
                <a:cubicBezTo>
                  <a:pt x="2305261" y="2288119"/>
                  <a:pt x="2305234" y="2284333"/>
                  <a:pt x="2305234" y="2280541"/>
                </a:cubicBezTo>
                <a:cubicBezTo>
                  <a:pt x="2305234" y="2274903"/>
                  <a:pt x="2305292" y="2269279"/>
                  <a:pt x="2306604" y="2263693"/>
                </a:cubicBezTo>
                <a:cubicBezTo>
                  <a:pt x="2306562" y="2232611"/>
                  <a:pt x="2309012" y="2201969"/>
                  <a:pt x="2314068" y="2171962"/>
                </a:cubicBezTo>
                <a:lnTo>
                  <a:pt x="2314609" y="2165325"/>
                </a:lnTo>
                <a:cubicBezTo>
                  <a:pt x="2314777" y="2165320"/>
                  <a:pt x="2314947" y="2165315"/>
                  <a:pt x="2315114" y="2165262"/>
                </a:cubicBezTo>
                <a:cubicBezTo>
                  <a:pt x="2365391" y="1815167"/>
                  <a:pt x="2646430" y="1536596"/>
                  <a:pt x="3005280" y="1477664"/>
                </a:cubicBezTo>
                <a:lnTo>
                  <a:pt x="3005397" y="1476525"/>
                </a:lnTo>
                <a:cubicBezTo>
                  <a:pt x="3010706" y="1475523"/>
                  <a:pt x="3016034" y="1474582"/>
                  <a:pt x="3021610" y="1474998"/>
                </a:cubicBezTo>
                <a:cubicBezTo>
                  <a:pt x="3052793" y="1469485"/>
                  <a:pt x="3084686" y="1466527"/>
                  <a:pt x="3117071" y="1466004"/>
                </a:cubicBezTo>
                <a:close/>
                <a:moveTo>
                  <a:pt x="1455796" y="1464394"/>
                </a:moveTo>
                <a:lnTo>
                  <a:pt x="1472883" y="1466004"/>
                </a:lnTo>
                <a:cubicBezTo>
                  <a:pt x="1505269" y="1466527"/>
                  <a:pt x="1537161" y="1469485"/>
                  <a:pt x="1568345" y="1474998"/>
                </a:cubicBezTo>
                <a:cubicBezTo>
                  <a:pt x="1573921" y="1474582"/>
                  <a:pt x="1579249" y="1475523"/>
                  <a:pt x="1584557" y="1476525"/>
                </a:cubicBezTo>
                <a:lnTo>
                  <a:pt x="1584675" y="1477664"/>
                </a:lnTo>
                <a:cubicBezTo>
                  <a:pt x="1943525" y="1536596"/>
                  <a:pt x="2224564" y="1815167"/>
                  <a:pt x="2274840" y="2165262"/>
                </a:cubicBezTo>
                <a:cubicBezTo>
                  <a:pt x="2275008" y="2165315"/>
                  <a:pt x="2275177" y="2165320"/>
                  <a:pt x="2275346" y="2165325"/>
                </a:cubicBezTo>
                <a:lnTo>
                  <a:pt x="2275886" y="2171962"/>
                </a:lnTo>
                <a:cubicBezTo>
                  <a:pt x="2280943" y="2201969"/>
                  <a:pt x="2283392" y="2232611"/>
                  <a:pt x="2283350" y="2263693"/>
                </a:cubicBezTo>
                <a:cubicBezTo>
                  <a:pt x="2284662" y="2269279"/>
                  <a:pt x="2284721" y="2274903"/>
                  <a:pt x="2284721" y="2280541"/>
                </a:cubicBezTo>
                <a:cubicBezTo>
                  <a:pt x="2284721" y="2284333"/>
                  <a:pt x="2284694" y="2288119"/>
                  <a:pt x="2284128" y="2291891"/>
                </a:cubicBezTo>
                <a:lnTo>
                  <a:pt x="2283629" y="2291858"/>
                </a:lnTo>
                <a:lnTo>
                  <a:pt x="2283603" y="2292349"/>
                </a:lnTo>
                <a:lnTo>
                  <a:pt x="2266484" y="2290736"/>
                </a:lnTo>
                <a:cubicBezTo>
                  <a:pt x="2234110" y="2290213"/>
                  <a:pt x="2202230" y="2287255"/>
                  <a:pt x="2171058" y="2281745"/>
                </a:cubicBezTo>
                <a:cubicBezTo>
                  <a:pt x="2165481" y="2282161"/>
                  <a:pt x="2160152" y="2281220"/>
                  <a:pt x="2154841" y="2280217"/>
                </a:cubicBezTo>
                <a:lnTo>
                  <a:pt x="2154725" y="2279078"/>
                </a:lnTo>
                <a:cubicBezTo>
                  <a:pt x="1795874" y="2220146"/>
                  <a:pt x="1514835" y="1941574"/>
                  <a:pt x="1464559" y="1591480"/>
                </a:cubicBezTo>
                <a:cubicBezTo>
                  <a:pt x="1464392" y="1591427"/>
                  <a:pt x="1464223" y="1591423"/>
                  <a:pt x="1464054" y="1591418"/>
                </a:cubicBezTo>
                <a:lnTo>
                  <a:pt x="1463515" y="1584794"/>
                </a:lnTo>
                <a:cubicBezTo>
                  <a:pt x="1458457" y="1554782"/>
                  <a:pt x="1456006" y="1524133"/>
                  <a:pt x="1456048" y="1493044"/>
                </a:cubicBezTo>
                <a:cubicBezTo>
                  <a:pt x="1454736" y="1487460"/>
                  <a:pt x="1454678" y="1481838"/>
                  <a:pt x="1454678" y="1476202"/>
                </a:cubicBezTo>
                <a:lnTo>
                  <a:pt x="1455272" y="1464852"/>
                </a:lnTo>
                <a:lnTo>
                  <a:pt x="1455770" y="1464884"/>
                </a:lnTo>
                <a:close/>
                <a:moveTo>
                  <a:pt x="1442008" y="1464394"/>
                </a:moveTo>
                <a:lnTo>
                  <a:pt x="1442034" y="1464884"/>
                </a:lnTo>
                <a:lnTo>
                  <a:pt x="1442532" y="1464852"/>
                </a:lnTo>
                <a:lnTo>
                  <a:pt x="1443126" y="1476202"/>
                </a:lnTo>
                <a:cubicBezTo>
                  <a:pt x="1443126" y="1481838"/>
                  <a:pt x="1443067" y="1487460"/>
                  <a:pt x="1441755" y="1493044"/>
                </a:cubicBezTo>
                <a:cubicBezTo>
                  <a:pt x="1441797" y="1524133"/>
                  <a:pt x="1439347" y="1554782"/>
                  <a:pt x="1434288" y="1584794"/>
                </a:cubicBezTo>
                <a:lnTo>
                  <a:pt x="1433750" y="1591418"/>
                </a:lnTo>
                <a:cubicBezTo>
                  <a:pt x="1433580" y="1591423"/>
                  <a:pt x="1433412" y="1591427"/>
                  <a:pt x="1433244" y="1591480"/>
                </a:cubicBezTo>
                <a:cubicBezTo>
                  <a:pt x="1382969" y="1941574"/>
                  <a:pt x="1101930" y="2220146"/>
                  <a:pt x="743079" y="2279078"/>
                </a:cubicBezTo>
                <a:lnTo>
                  <a:pt x="742962" y="2280217"/>
                </a:lnTo>
                <a:cubicBezTo>
                  <a:pt x="737652" y="2281220"/>
                  <a:pt x="732323" y="2282161"/>
                  <a:pt x="726746" y="2281745"/>
                </a:cubicBezTo>
                <a:cubicBezTo>
                  <a:pt x="695574" y="2287255"/>
                  <a:pt x="663693" y="2290213"/>
                  <a:pt x="631319" y="2290736"/>
                </a:cubicBezTo>
                <a:lnTo>
                  <a:pt x="614201" y="2292349"/>
                </a:lnTo>
                <a:lnTo>
                  <a:pt x="614175" y="2291858"/>
                </a:lnTo>
                <a:lnTo>
                  <a:pt x="613676" y="2291891"/>
                </a:lnTo>
                <a:cubicBezTo>
                  <a:pt x="613110" y="2288119"/>
                  <a:pt x="613083" y="2284333"/>
                  <a:pt x="613083" y="2280541"/>
                </a:cubicBezTo>
                <a:cubicBezTo>
                  <a:pt x="613083" y="2274903"/>
                  <a:pt x="613141" y="2269279"/>
                  <a:pt x="614453" y="2263693"/>
                </a:cubicBezTo>
                <a:cubicBezTo>
                  <a:pt x="614411" y="2232611"/>
                  <a:pt x="616861" y="2201969"/>
                  <a:pt x="621917" y="2171962"/>
                </a:cubicBezTo>
                <a:lnTo>
                  <a:pt x="622458" y="2165325"/>
                </a:lnTo>
                <a:cubicBezTo>
                  <a:pt x="622626" y="2165320"/>
                  <a:pt x="622796" y="2165315"/>
                  <a:pt x="622963" y="2165262"/>
                </a:cubicBezTo>
                <a:cubicBezTo>
                  <a:pt x="673240" y="1815167"/>
                  <a:pt x="954279" y="1536596"/>
                  <a:pt x="1313129" y="1477664"/>
                </a:cubicBezTo>
                <a:lnTo>
                  <a:pt x="1313246" y="1476525"/>
                </a:lnTo>
                <a:cubicBezTo>
                  <a:pt x="1318555" y="1475523"/>
                  <a:pt x="1323883" y="1474582"/>
                  <a:pt x="1329459" y="1474998"/>
                </a:cubicBezTo>
                <a:cubicBezTo>
                  <a:pt x="1360642" y="1469485"/>
                  <a:pt x="1392535" y="1466527"/>
                  <a:pt x="1424920" y="1466004"/>
                </a:cubicBezTo>
                <a:close/>
                <a:moveTo>
                  <a:pt x="10909360" y="750600"/>
                </a:moveTo>
                <a:cubicBezTo>
                  <a:pt x="10962636" y="1021506"/>
                  <a:pt x="11177479" y="1236303"/>
                  <a:pt x="11452669" y="1295446"/>
                </a:cubicBezTo>
                <a:cubicBezTo>
                  <a:pt x="11399394" y="1024540"/>
                  <a:pt x="11184550" y="809743"/>
                  <a:pt x="10909360" y="750600"/>
                </a:cubicBezTo>
                <a:close/>
                <a:moveTo>
                  <a:pt x="10602109" y="750600"/>
                </a:moveTo>
                <a:cubicBezTo>
                  <a:pt x="10326919" y="809743"/>
                  <a:pt x="10112075" y="1024540"/>
                  <a:pt x="10058800" y="1295446"/>
                </a:cubicBezTo>
                <a:cubicBezTo>
                  <a:pt x="10333990" y="1236303"/>
                  <a:pt x="10548833" y="1021506"/>
                  <a:pt x="10602109" y="750600"/>
                </a:cubicBezTo>
                <a:close/>
                <a:moveTo>
                  <a:pt x="9217207" y="750600"/>
                </a:moveTo>
                <a:cubicBezTo>
                  <a:pt x="9270483" y="1021506"/>
                  <a:pt x="9485326" y="1236303"/>
                  <a:pt x="9760516" y="1295446"/>
                </a:cubicBezTo>
                <a:cubicBezTo>
                  <a:pt x="9707241" y="1024540"/>
                  <a:pt x="9492397" y="809743"/>
                  <a:pt x="9217207" y="750600"/>
                </a:cubicBezTo>
                <a:close/>
                <a:moveTo>
                  <a:pt x="8909958" y="750600"/>
                </a:moveTo>
                <a:cubicBezTo>
                  <a:pt x="8634768" y="809743"/>
                  <a:pt x="8419924" y="1024540"/>
                  <a:pt x="8366649" y="1295446"/>
                </a:cubicBezTo>
                <a:cubicBezTo>
                  <a:pt x="8641839" y="1236303"/>
                  <a:pt x="8856682" y="1021506"/>
                  <a:pt x="8909958" y="750600"/>
                </a:cubicBezTo>
                <a:close/>
                <a:moveTo>
                  <a:pt x="7525056" y="750600"/>
                </a:moveTo>
                <a:cubicBezTo>
                  <a:pt x="7578332" y="1021506"/>
                  <a:pt x="7793175" y="1236303"/>
                  <a:pt x="8068365" y="1295446"/>
                </a:cubicBezTo>
                <a:cubicBezTo>
                  <a:pt x="8015090" y="1024540"/>
                  <a:pt x="7800246" y="809743"/>
                  <a:pt x="7525056" y="750600"/>
                </a:cubicBezTo>
                <a:close/>
                <a:moveTo>
                  <a:pt x="7217807" y="750600"/>
                </a:moveTo>
                <a:cubicBezTo>
                  <a:pt x="6942617" y="809743"/>
                  <a:pt x="6727773" y="1024540"/>
                  <a:pt x="6674498" y="1295446"/>
                </a:cubicBezTo>
                <a:cubicBezTo>
                  <a:pt x="6949688" y="1236303"/>
                  <a:pt x="7164531" y="1021506"/>
                  <a:pt x="7217807" y="750600"/>
                </a:cubicBezTo>
                <a:close/>
                <a:moveTo>
                  <a:pt x="5832905" y="750600"/>
                </a:moveTo>
                <a:cubicBezTo>
                  <a:pt x="5886181" y="1021506"/>
                  <a:pt x="6101024" y="1236303"/>
                  <a:pt x="6376214" y="1295446"/>
                </a:cubicBezTo>
                <a:cubicBezTo>
                  <a:pt x="6322939" y="1024540"/>
                  <a:pt x="6108095" y="809743"/>
                  <a:pt x="5832905" y="750600"/>
                </a:cubicBezTo>
                <a:close/>
                <a:moveTo>
                  <a:pt x="5525656" y="750600"/>
                </a:moveTo>
                <a:cubicBezTo>
                  <a:pt x="5250466" y="809743"/>
                  <a:pt x="5035622" y="1024540"/>
                  <a:pt x="4982347" y="1295446"/>
                </a:cubicBezTo>
                <a:cubicBezTo>
                  <a:pt x="5257537" y="1236303"/>
                  <a:pt x="5472380" y="1021506"/>
                  <a:pt x="5525656" y="750600"/>
                </a:cubicBezTo>
                <a:close/>
                <a:moveTo>
                  <a:pt x="4140754" y="750600"/>
                </a:moveTo>
                <a:cubicBezTo>
                  <a:pt x="4194030" y="1021506"/>
                  <a:pt x="4408873" y="1236303"/>
                  <a:pt x="4684063" y="1295446"/>
                </a:cubicBezTo>
                <a:cubicBezTo>
                  <a:pt x="4630788" y="1024540"/>
                  <a:pt x="4415944" y="809743"/>
                  <a:pt x="4140754" y="750600"/>
                </a:cubicBezTo>
                <a:close/>
                <a:moveTo>
                  <a:pt x="3833505" y="750600"/>
                </a:moveTo>
                <a:cubicBezTo>
                  <a:pt x="3558315" y="809743"/>
                  <a:pt x="3343471" y="1024540"/>
                  <a:pt x="3290196" y="1295446"/>
                </a:cubicBezTo>
                <a:cubicBezTo>
                  <a:pt x="3565386" y="1236303"/>
                  <a:pt x="3780229" y="1021506"/>
                  <a:pt x="3833505" y="750600"/>
                </a:cubicBezTo>
                <a:close/>
                <a:moveTo>
                  <a:pt x="2448603" y="750600"/>
                </a:moveTo>
                <a:cubicBezTo>
                  <a:pt x="2501879" y="1021506"/>
                  <a:pt x="2716722" y="1236303"/>
                  <a:pt x="2991912" y="1295446"/>
                </a:cubicBezTo>
                <a:cubicBezTo>
                  <a:pt x="2938637" y="1024540"/>
                  <a:pt x="2723793" y="809743"/>
                  <a:pt x="2448603" y="750600"/>
                </a:cubicBezTo>
                <a:close/>
                <a:moveTo>
                  <a:pt x="2141354" y="750600"/>
                </a:moveTo>
                <a:cubicBezTo>
                  <a:pt x="1866164" y="809743"/>
                  <a:pt x="1651320" y="1024540"/>
                  <a:pt x="1598045" y="1295446"/>
                </a:cubicBezTo>
                <a:cubicBezTo>
                  <a:pt x="1873235" y="1236303"/>
                  <a:pt x="2088078" y="1021506"/>
                  <a:pt x="2141354" y="750600"/>
                </a:cubicBezTo>
                <a:close/>
                <a:moveTo>
                  <a:pt x="756452" y="750600"/>
                </a:moveTo>
                <a:cubicBezTo>
                  <a:pt x="809728" y="1021506"/>
                  <a:pt x="1024571" y="1236303"/>
                  <a:pt x="1299761" y="1295446"/>
                </a:cubicBezTo>
                <a:cubicBezTo>
                  <a:pt x="1246486" y="1024540"/>
                  <a:pt x="1031642" y="809743"/>
                  <a:pt x="756452" y="750600"/>
                </a:cubicBezTo>
                <a:close/>
                <a:moveTo>
                  <a:pt x="12192000" y="647790"/>
                </a:moveTo>
                <a:lnTo>
                  <a:pt x="12192000" y="780838"/>
                </a:lnTo>
                <a:cubicBezTo>
                  <a:pt x="11966807" y="865550"/>
                  <a:pt x="11797421" y="1059155"/>
                  <a:pt x="11750953" y="1295446"/>
                </a:cubicBezTo>
                <a:cubicBezTo>
                  <a:pt x="11935988" y="1255679"/>
                  <a:pt x="12093739" y="1145540"/>
                  <a:pt x="12192000" y="994335"/>
                </a:cubicBezTo>
                <a:lnTo>
                  <a:pt x="12192000" y="1195909"/>
                </a:lnTo>
                <a:cubicBezTo>
                  <a:pt x="12071770" y="1314911"/>
                  <a:pt x="11914089" y="1397686"/>
                  <a:pt x="11737582" y="1426902"/>
                </a:cubicBezTo>
                <a:lnTo>
                  <a:pt x="11737466" y="1428050"/>
                </a:lnTo>
                <a:cubicBezTo>
                  <a:pt x="11732155" y="1429061"/>
                  <a:pt x="11726826" y="1430009"/>
                  <a:pt x="11721249" y="1429590"/>
                </a:cubicBezTo>
                <a:cubicBezTo>
                  <a:pt x="11690077" y="1435144"/>
                  <a:pt x="11658197" y="1438125"/>
                  <a:pt x="11625822" y="1438652"/>
                </a:cubicBezTo>
                <a:lnTo>
                  <a:pt x="11608704" y="1440278"/>
                </a:lnTo>
                <a:lnTo>
                  <a:pt x="11608678" y="1439783"/>
                </a:lnTo>
                <a:lnTo>
                  <a:pt x="11608179" y="1439816"/>
                </a:lnTo>
                <a:cubicBezTo>
                  <a:pt x="11607613" y="1436014"/>
                  <a:pt x="11607586" y="1432198"/>
                  <a:pt x="11607586" y="1428376"/>
                </a:cubicBezTo>
                <a:cubicBezTo>
                  <a:pt x="11607586" y="1422694"/>
                  <a:pt x="11607645" y="1417025"/>
                  <a:pt x="11608957" y="1411395"/>
                </a:cubicBezTo>
                <a:cubicBezTo>
                  <a:pt x="11608914" y="1380067"/>
                  <a:pt x="11611364" y="1349182"/>
                  <a:pt x="11616421" y="1318938"/>
                </a:cubicBezTo>
                <a:lnTo>
                  <a:pt x="11616961" y="1312248"/>
                </a:lnTo>
                <a:cubicBezTo>
                  <a:pt x="11617130" y="1312243"/>
                  <a:pt x="11617299" y="1312238"/>
                  <a:pt x="11617466" y="1312185"/>
                </a:cubicBezTo>
                <a:cubicBezTo>
                  <a:pt x="11662185" y="998329"/>
                  <a:pt x="11889463" y="741504"/>
                  <a:pt x="12192000" y="647790"/>
                </a:cubicBezTo>
                <a:close/>
                <a:moveTo>
                  <a:pt x="10767111" y="605769"/>
                </a:moveTo>
                <a:lnTo>
                  <a:pt x="10784198" y="607392"/>
                </a:lnTo>
                <a:cubicBezTo>
                  <a:pt x="10816584" y="607919"/>
                  <a:pt x="10848477" y="610900"/>
                  <a:pt x="10879660" y="616457"/>
                </a:cubicBezTo>
                <a:cubicBezTo>
                  <a:pt x="10885236" y="616038"/>
                  <a:pt x="10890564" y="616986"/>
                  <a:pt x="10895873" y="617996"/>
                </a:cubicBezTo>
                <a:lnTo>
                  <a:pt x="10895990" y="619144"/>
                </a:lnTo>
                <a:cubicBezTo>
                  <a:pt x="11254840" y="678542"/>
                  <a:pt x="11535879" y="959319"/>
                  <a:pt x="11586156" y="1312185"/>
                </a:cubicBezTo>
                <a:cubicBezTo>
                  <a:pt x="11586323" y="1312238"/>
                  <a:pt x="11586492" y="1312243"/>
                  <a:pt x="11586661" y="1312248"/>
                </a:cubicBezTo>
                <a:lnTo>
                  <a:pt x="11587201" y="1318938"/>
                </a:lnTo>
                <a:cubicBezTo>
                  <a:pt x="11592258" y="1349182"/>
                  <a:pt x="11594708" y="1380067"/>
                  <a:pt x="11594665" y="1411395"/>
                </a:cubicBezTo>
                <a:cubicBezTo>
                  <a:pt x="11595977" y="1417025"/>
                  <a:pt x="11596036" y="1422694"/>
                  <a:pt x="11596036" y="1428376"/>
                </a:cubicBezTo>
                <a:cubicBezTo>
                  <a:pt x="11596036" y="1432198"/>
                  <a:pt x="11596009" y="1436014"/>
                  <a:pt x="11595443" y="1439816"/>
                </a:cubicBezTo>
                <a:lnTo>
                  <a:pt x="11594944" y="1439783"/>
                </a:lnTo>
                <a:lnTo>
                  <a:pt x="11594918" y="1440278"/>
                </a:lnTo>
                <a:lnTo>
                  <a:pt x="11577800" y="1438652"/>
                </a:lnTo>
                <a:cubicBezTo>
                  <a:pt x="11545425" y="1438125"/>
                  <a:pt x="11513545" y="1435144"/>
                  <a:pt x="11482373" y="1429590"/>
                </a:cubicBezTo>
                <a:cubicBezTo>
                  <a:pt x="11476796" y="1430009"/>
                  <a:pt x="11471467" y="1429061"/>
                  <a:pt x="11466156" y="1428050"/>
                </a:cubicBezTo>
                <a:lnTo>
                  <a:pt x="11466040" y="1426902"/>
                </a:lnTo>
                <a:cubicBezTo>
                  <a:pt x="11107189" y="1367503"/>
                  <a:pt x="10826150" y="1086726"/>
                  <a:pt x="10775875" y="733861"/>
                </a:cubicBezTo>
                <a:cubicBezTo>
                  <a:pt x="10775707" y="733808"/>
                  <a:pt x="10775539" y="733803"/>
                  <a:pt x="10775369" y="733798"/>
                </a:cubicBezTo>
                <a:lnTo>
                  <a:pt x="10774831" y="727122"/>
                </a:lnTo>
                <a:cubicBezTo>
                  <a:pt x="10769772" y="696872"/>
                  <a:pt x="10767321" y="665981"/>
                  <a:pt x="10767364" y="634646"/>
                </a:cubicBezTo>
                <a:cubicBezTo>
                  <a:pt x="10766052" y="629018"/>
                  <a:pt x="10765993" y="623351"/>
                  <a:pt x="10765993" y="617670"/>
                </a:cubicBezTo>
                <a:lnTo>
                  <a:pt x="10766587" y="606230"/>
                </a:lnTo>
                <a:lnTo>
                  <a:pt x="10767085" y="606263"/>
                </a:lnTo>
                <a:close/>
                <a:moveTo>
                  <a:pt x="10744358" y="605769"/>
                </a:moveTo>
                <a:lnTo>
                  <a:pt x="10744384" y="606263"/>
                </a:lnTo>
                <a:lnTo>
                  <a:pt x="10744882" y="606230"/>
                </a:lnTo>
                <a:lnTo>
                  <a:pt x="10745476" y="617670"/>
                </a:lnTo>
                <a:cubicBezTo>
                  <a:pt x="10745476" y="623351"/>
                  <a:pt x="10745417" y="629018"/>
                  <a:pt x="10744105" y="634646"/>
                </a:cubicBezTo>
                <a:cubicBezTo>
                  <a:pt x="10744148" y="665981"/>
                  <a:pt x="10741697" y="696872"/>
                  <a:pt x="10736638" y="727122"/>
                </a:cubicBezTo>
                <a:lnTo>
                  <a:pt x="10736100" y="733798"/>
                </a:lnTo>
                <a:cubicBezTo>
                  <a:pt x="10735930" y="733803"/>
                  <a:pt x="10735762" y="733808"/>
                  <a:pt x="10735594" y="733861"/>
                </a:cubicBezTo>
                <a:cubicBezTo>
                  <a:pt x="10685319" y="1086726"/>
                  <a:pt x="10404280" y="1367503"/>
                  <a:pt x="10045429" y="1426902"/>
                </a:cubicBezTo>
                <a:lnTo>
                  <a:pt x="10045313" y="1428050"/>
                </a:lnTo>
                <a:cubicBezTo>
                  <a:pt x="10040002" y="1429061"/>
                  <a:pt x="10034673" y="1430009"/>
                  <a:pt x="10029096" y="1429590"/>
                </a:cubicBezTo>
                <a:cubicBezTo>
                  <a:pt x="9997924" y="1435144"/>
                  <a:pt x="9966044" y="1438125"/>
                  <a:pt x="9933669" y="1438652"/>
                </a:cubicBezTo>
                <a:lnTo>
                  <a:pt x="9916551" y="1440278"/>
                </a:lnTo>
                <a:lnTo>
                  <a:pt x="9916525" y="1439783"/>
                </a:lnTo>
                <a:lnTo>
                  <a:pt x="9916026" y="1439816"/>
                </a:lnTo>
                <a:cubicBezTo>
                  <a:pt x="9915460" y="1436014"/>
                  <a:pt x="9915433" y="1432198"/>
                  <a:pt x="9915433" y="1428376"/>
                </a:cubicBezTo>
                <a:cubicBezTo>
                  <a:pt x="9915433" y="1422694"/>
                  <a:pt x="9915492" y="1417025"/>
                  <a:pt x="9916804" y="1411395"/>
                </a:cubicBezTo>
                <a:cubicBezTo>
                  <a:pt x="9916761" y="1380067"/>
                  <a:pt x="9919211" y="1349182"/>
                  <a:pt x="9924268" y="1318938"/>
                </a:cubicBezTo>
                <a:lnTo>
                  <a:pt x="9924808" y="1312248"/>
                </a:lnTo>
                <a:cubicBezTo>
                  <a:pt x="9924977" y="1312243"/>
                  <a:pt x="9925146" y="1312238"/>
                  <a:pt x="9925314" y="1312185"/>
                </a:cubicBezTo>
                <a:cubicBezTo>
                  <a:pt x="9975590" y="959319"/>
                  <a:pt x="10256629" y="678542"/>
                  <a:pt x="10615479" y="619144"/>
                </a:cubicBezTo>
                <a:lnTo>
                  <a:pt x="10615596" y="617996"/>
                </a:lnTo>
                <a:cubicBezTo>
                  <a:pt x="10620905" y="616986"/>
                  <a:pt x="10626233" y="616038"/>
                  <a:pt x="10631809" y="616457"/>
                </a:cubicBezTo>
                <a:cubicBezTo>
                  <a:pt x="10662992" y="610900"/>
                  <a:pt x="10694885" y="607919"/>
                  <a:pt x="10727271" y="607392"/>
                </a:cubicBezTo>
                <a:close/>
                <a:moveTo>
                  <a:pt x="9074958" y="605769"/>
                </a:moveTo>
                <a:lnTo>
                  <a:pt x="9092045" y="607392"/>
                </a:lnTo>
                <a:cubicBezTo>
                  <a:pt x="9124431" y="607919"/>
                  <a:pt x="9156324" y="610900"/>
                  <a:pt x="9187507" y="616457"/>
                </a:cubicBezTo>
                <a:cubicBezTo>
                  <a:pt x="9193083" y="616038"/>
                  <a:pt x="9198411" y="616986"/>
                  <a:pt x="9203720" y="617996"/>
                </a:cubicBezTo>
                <a:lnTo>
                  <a:pt x="9203837" y="619144"/>
                </a:lnTo>
                <a:cubicBezTo>
                  <a:pt x="9562687" y="678542"/>
                  <a:pt x="9843726" y="959319"/>
                  <a:pt x="9894002" y="1312185"/>
                </a:cubicBezTo>
                <a:cubicBezTo>
                  <a:pt x="9894170" y="1312238"/>
                  <a:pt x="9894339" y="1312243"/>
                  <a:pt x="9894508" y="1312248"/>
                </a:cubicBezTo>
                <a:lnTo>
                  <a:pt x="9895048" y="1318938"/>
                </a:lnTo>
                <a:cubicBezTo>
                  <a:pt x="9900105" y="1349182"/>
                  <a:pt x="9902555" y="1380067"/>
                  <a:pt x="9902512" y="1411395"/>
                </a:cubicBezTo>
                <a:cubicBezTo>
                  <a:pt x="9903824" y="1417025"/>
                  <a:pt x="9903883" y="1422694"/>
                  <a:pt x="9903883" y="1428376"/>
                </a:cubicBezTo>
                <a:cubicBezTo>
                  <a:pt x="9903883" y="1432198"/>
                  <a:pt x="9903856" y="1436014"/>
                  <a:pt x="9903290" y="1439816"/>
                </a:cubicBezTo>
                <a:lnTo>
                  <a:pt x="9902791" y="1439783"/>
                </a:lnTo>
                <a:lnTo>
                  <a:pt x="9902765" y="1440278"/>
                </a:lnTo>
                <a:lnTo>
                  <a:pt x="9885647" y="1438652"/>
                </a:lnTo>
                <a:cubicBezTo>
                  <a:pt x="9853272" y="1438125"/>
                  <a:pt x="9821392" y="1435144"/>
                  <a:pt x="9790220" y="1429590"/>
                </a:cubicBezTo>
                <a:cubicBezTo>
                  <a:pt x="9784643" y="1430009"/>
                  <a:pt x="9779314" y="1429061"/>
                  <a:pt x="9774003" y="1428050"/>
                </a:cubicBezTo>
                <a:lnTo>
                  <a:pt x="9773887" y="1426902"/>
                </a:lnTo>
                <a:cubicBezTo>
                  <a:pt x="9415036" y="1367503"/>
                  <a:pt x="9133997" y="1086726"/>
                  <a:pt x="9083722" y="733861"/>
                </a:cubicBezTo>
                <a:cubicBezTo>
                  <a:pt x="9083554" y="733808"/>
                  <a:pt x="9083386" y="733803"/>
                  <a:pt x="9083216" y="733798"/>
                </a:cubicBezTo>
                <a:lnTo>
                  <a:pt x="9082678" y="727122"/>
                </a:lnTo>
                <a:cubicBezTo>
                  <a:pt x="9077619" y="696872"/>
                  <a:pt x="9075168" y="665981"/>
                  <a:pt x="9075211" y="634646"/>
                </a:cubicBezTo>
                <a:cubicBezTo>
                  <a:pt x="9073899" y="629018"/>
                  <a:pt x="9073840" y="623351"/>
                  <a:pt x="9073840" y="617670"/>
                </a:cubicBezTo>
                <a:lnTo>
                  <a:pt x="9074434" y="606230"/>
                </a:lnTo>
                <a:lnTo>
                  <a:pt x="9074932" y="606263"/>
                </a:lnTo>
                <a:close/>
                <a:moveTo>
                  <a:pt x="9052207" y="605769"/>
                </a:moveTo>
                <a:lnTo>
                  <a:pt x="9052233" y="606263"/>
                </a:lnTo>
                <a:lnTo>
                  <a:pt x="9052731" y="606230"/>
                </a:lnTo>
                <a:lnTo>
                  <a:pt x="9053325" y="617670"/>
                </a:lnTo>
                <a:cubicBezTo>
                  <a:pt x="9053325" y="623351"/>
                  <a:pt x="9053266" y="629018"/>
                  <a:pt x="9051954" y="634646"/>
                </a:cubicBezTo>
                <a:cubicBezTo>
                  <a:pt x="9051997" y="665981"/>
                  <a:pt x="9049546" y="696872"/>
                  <a:pt x="9044487" y="727122"/>
                </a:cubicBezTo>
                <a:lnTo>
                  <a:pt x="9043949" y="733798"/>
                </a:lnTo>
                <a:cubicBezTo>
                  <a:pt x="9043779" y="733803"/>
                  <a:pt x="9043611" y="733808"/>
                  <a:pt x="9043443" y="733861"/>
                </a:cubicBezTo>
                <a:cubicBezTo>
                  <a:pt x="8993168" y="1086726"/>
                  <a:pt x="8712129" y="1367503"/>
                  <a:pt x="8353278" y="1426902"/>
                </a:cubicBezTo>
                <a:lnTo>
                  <a:pt x="8353162" y="1428050"/>
                </a:lnTo>
                <a:cubicBezTo>
                  <a:pt x="8347851" y="1429061"/>
                  <a:pt x="8342522" y="1430009"/>
                  <a:pt x="8336945" y="1429590"/>
                </a:cubicBezTo>
                <a:cubicBezTo>
                  <a:pt x="8305773" y="1435144"/>
                  <a:pt x="8273893" y="1438125"/>
                  <a:pt x="8241519" y="1438652"/>
                </a:cubicBezTo>
                <a:lnTo>
                  <a:pt x="8224400" y="1440278"/>
                </a:lnTo>
                <a:lnTo>
                  <a:pt x="8224374" y="1439783"/>
                </a:lnTo>
                <a:lnTo>
                  <a:pt x="8223875" y="1439816"/>
                </a:lnTo>
                <a:cubicBezTo>
                  <a:pt x="8223309" y="1436014"/>
                  <a:pt x="8223282" y="1432198"/>
                  <a:pt x="8223282" y="1428376"/>
                </a:cubicBezTo>
                <a:cubicBezTo>
                  <a:pt x="8223282" y="1422694"/>
                  <a:pt x="8223341" y="1417025"/>
                  <a:pt x="8224653" y="1411395"/>
                </a:cubicBezTo>
                <a:cubicBezTo>
                  <a:pt x="8224611" y="1380067"/>
                  <a:pt x="8227060" y="1349182"/>
                  <a:pt x="8232117" y="1318938"/>
                </a:cubicBezTo>
                <a:lnTo>
                  <a:pt x="8232657" y="1312248"/>
                </a:lnTo>
                <a:cubicBezTo>
                  <a:pt x="8232826" y="1312243"/>
                  <a:pt x="8232995" y="1312238"/>
                  <a:pt x="8233163" y="1312185"/>
                </a:cubicBezTo>
                <a:cubicBezTo>
                  <a:pt x="8283439" y="959319"/>
                  <a:pt x="8564478" y="678542"/>
                  <a:pt x="8923328" y="619144"/>
                </a:cubicBezTo>
                <a:lnTo>
                  <a:pt x="8923445" y="617996"/>
                </a:lnTo>
                <a:cubicBezTo>
                  <a:pt x="8928754" y="616986"/>
                  <a:pt x="8934082" y="616038"/>
                  <a:pt x="8939658" y="616457"/>
                </a:cubicBezTo>
                <a:cubicBezTo>
                  <a:pt x="8970841" y="610900"/>
                  <a:pt x="9002734" y="607919"/>
                  <a:pt x="9035120" y="607392"/>
                </a:cubicBezTo>
                <a:close/>
                <a:moveTo>
                  <a:pt x="7382807" y="605769"/>
                </a:moveTo>
                <a:lnTo>
                  <a:pt x="7399895" y="607392"/>
                </a:lnTo>
                <a:cubicBezTo>
                  <a:pt x="7432280" y="607919"/>
                  <a:pt x="7464173" y="610900"/>
                  <a:pt x="7495356" y="616457"/>
                </a:cubicBezTo>
                <a:cubicBezTo>
                  <a:pt x="7500932" y="616038"/>
                  <a:pt x="7506260" y="616986"/>
                  <a:pt x="7511569" y="617996"/>
                </a:cubicBezTo>
                <a:lnTo>
                  <a:pt x="7511686" y="619144"/>
                </a:lnTo>
                <a:cubicBezTo>
                  <a:pt x="7870536" y="678542"/>
                  <a:pt x="8151575" y="959319"/>
                  <a:pt x="8201852" y="1312185"/>
                </a:cubicBezTo>
                <a:cubicBezTo>
                  <a:pt x="8202019" y="1312238"/>
                  <a:pt x="8202189" y="1312243"/>
                  <a:pt x="8202357" y="1312248"/>
                </a:cubicBezTo>
                <a:lnTo>
                  <a:pt x="8202898" y="1318938"/>
                </a:lnTo>
                <a:cubicBezTo>
                  <a:pt x="8207954" y="1349182"/>
                  <a:pt x="8210404" y="1380067"/>
                  <a:pt x="8210362" y="1411395"/>
                </a:cubicBezTo>
                <a:cubicBezTo>
                  <a:pt x="8211674" y="1417025"/>
                  <a:pt x="8211732" y="1422694"/>
                  <a:pt x="8211732" y="1428376"/>
                </a:cubicBezTo>
                <a:cubicBezTo>
                  <a:pt x="8211732" y="1432198"/>
                  <a:pt x="8211705" y="1436014"/>
                  <a:pt x="8211139" y="1439816"/>
                </a:cubicBezTo>
                <a:lnTo>
                  <a:pt x="8210640" y="1439783"/>
                </a:lnTo>
                <a:lnTo>
                  <a:pt x="8210614" y="1440278"/>
                </a:lnTo>
                <a:lnTo>
                  <a:pt x="8193496" y="1438652"/>
                </a:lnTo>
                <a:cubicBezTo>
                  <a:pt x="8161122" y="1438125"/>
                  <a:pt x="8129241" y="1435144"/>
                  <a:pt x="8098069" y="1429590"/>
                </a:cubicBezTo>
                <a:cubicBezTo>
                  <a:pt x="8092492" y="1430009"/>
                  <a:pt x="8087163" y="1429061"/>
                  <a:pt x="8081853" y="1428050"/>
                </a:cubicBezTo>
                <a:lnTo>
                  <a:pt x="8081737" y="1426902"/>
                </a:lnTo>
                <a:cubicBezTo>
                  <a:pt x="7722885" y="1367503"/>
                  <a:pt x="7441846" y="1086726"/>
                  <a:pt x="7391571" y="733861"/>
                </a:cubicBezTo>
                <a:cubicBezTo>
                  <a:pt x="7391403" y="733808"/>
                  <a:pt x="7391235" y="733803"/>
                  <a:pt x="7391065" y="733798"/>
                </a:cubicBezTo>
                <a:lnTo>
                  <a:pt x="7390527" y="727122"/>
                </a:lnTo>
                <a:cubicBezTo>
                  <a:pt x="7385468" y="696872"/>
                  <a:pt x="7383018" y="665981"/>
                  <a:pt x="7383060" y="634646"/>
                </a:cubicBezTo>
                <a:cubicBezTo>
                  <a:pt x="7381748" y="629018"/>
                  <a:pt x="7381689" y="623351"/>
                  <a:pt x="7381689" y="617670"/>
                </a:cubicBezTo>
                <a:lnTo>
                  <a:pt x="7382283" y="606230"/>
                </a:lnTo>
                <a:lnTo>
                  <a:pt x="7382781" y="606263"/>
                </a:lnTo>
                <a:close/>
                <a:moveTo>
                  <a:pt x="5690656" y="605769"/>
                </a:moveTo>
                <a:lnTo>
                  <a:pt x="5707743" y="607392"/>
                </a:lnTo>
                <a:cubicBezTo>
                  <a:pt x="5740129" y="607919"/>
                  <a:pt x="5772021" y="610900"/>
                  <a:pt x="5803205" y="616457"/>
                </a:cubicBezTo>
                <a:cubicBezTo>
                  <a:pt x="5808781" y="616038"/>
                  <a:pt x="5814109" y="616986"/>
                  <a:pt x="5819417" y="617996"/>
                </a:cubicBezTo>
                <a:lnTo>
                  <a:pt x="5819534" y="619144"/>
                </a:lnTo>
                <a:cubicBezTo>
                  <a:pt x="6178385" y="678542"/>
                  <a:pt x="6459424" y="959319"/>
                  <a:pt x="6509700" y="1312185"/>
                </a:cubicBezTo>
                <a:cubicBezTo>
                  <a:pt x="6509868" y="1312238"/>
                  <a:pt x="6510037" y="1312243"/>
                  <a:pt x="6510206" y="1312248"/>
                </a:cubicBezTo>
                <a:lnTo>
                  <a:pt x="6510746" y="1318938"/>
                </a:lnTo>
                <a:cubicBezTo>
                  <a:pt x="6515803" y="1349182"/>
                  <a:pt x="6518252" y="1380067"/>
                  <a:pt x="6518210" y="1411395"/>
                </a:cubicBezTo>
                <a:cubicBezTo>
                  <a:pt x="6519522" y="1417025"/>
                  <a:pt x="6519581" y="1422694"/>
                  <a:pt x="6519581" y="1428376"/>
                </a:cubicBezTo>
                <a:cubicBezTo>
                  <a:pt x="6519581" y="1432198"/>
                  <a:pt x="6519554" y="1436014"/>
                  <a:pt x="6518988" y="1439816"/>
                </a:cubicBezTo>
                <a:lnTo>
                  <a:pt x="6518489" y="1439783"/>
                </a:lnTo>
                <a:lnTo>
                  <a:pt x="6518463" y="1440278"/>
                </a:lnTo>
                <a:lnTo>
                  <a:pt x="6501344" y="1438652"/>
                </a:lnTo>
                <a:cubicBezTo>
                  <a:pt x="6468970" y="1438125"/>
                  <a:pt x="6437090" y="1435144"/>
                  <a:pt x="6405918" y="1429590"/>
                </a:cubicBezTo>
                <a:cubicBezTo>
                  <a:pt x="6400341" y="1430009"/>
                  <a:pt x="6395012" y="1429061"/>
                  <a:pt x="6389701" y="1428050"/>
                </a:cubicBezTo>
                <a:lnTo>
                  <a:pt x="6389585" y="1426902"/>
                </a:lnTo>
                <a:cubicBezTo>
                  <a:pt x="6030734" y="1367503"/>
                  <a:pt x="5749695" y="1086726"/>
                  <a:pt x="5699419" y="733861"/>
                </a:cubicBezTo>
                <a:cubicBezTo>
                  <a:pt x="5699252" y="733808"/>
                  <a:pt x="5699083" y="733803"/>
                  <a:pt x="5698914" y="733798"/>
                </a:cubicBezTo>
                <a:lnTo>
                  <a:pt x="5698375" y="727122"/>
                </a:lnTo>
                <a:cubicBezTo>
                  <a:pt x="5693317" y="696872"/>
                  <a:pt x="5690866" y="665981"/>
                  <a:pt x="5690908" y="634646"/>
                </a:cubicBezTo>
                <a:cubicBezTo>
                  <a:pt x="5689596" y="629018"/>
                  <a:pt x="5689538" y="623351"/>
                  <a:pt x="5689538" y="617670"/>
                </a:cubicBezTo>
                <a:lnTo>
                  <a:pt x="5690132" y="606230"/>
                </a:lnTo>
                <a:lnTo>
                  <a:pt x="5690630" y="606263"/>
                </a:lnTo>
                <a:close/>
                <a:moveTo>
                  <a:pt x="5667905" y="605769"/>
                </a:moveTo>
                <a:lnTo>
                  <a:pt x="5667931" y="606263"/>
                </a:lnTo>
                <a:lnTo>
                  <a:pt x="5668429" y="606230"/>
                </a:lnTo>
                <a:lnTo>
                  <a:pt x="5669023" y="617670"/>
                </a:lnTo>
                <a:cubicBezTo>
                  <a:pt x="5669023" y="623351"/>
                  <a:pt x="5668964" y="629018"/>
                  <a:pt x="5667652" y="634646"/>
                </a:cubicBezTo>
                <a:cubicBezTo>
                  <a:pt x="5667694" y="665981"/>
                  <a:pt x="5665244" y="696872"/>
                  <a:pt x="5660185" y="727122"/>
                </a:cubicBezTo>
                <a:lnTo>
                  <a:pt x="5659647" y="733798"/>
                </a:lnTo>
                <a:cubicBezTo>
                  <a:pt x="5659477" y="733803"/>
                  <a:pt x="5659309" y="733808"/>
                  <a:pt x="5659141" y="733861"/>
                </a:cubicBezTo>
                <a:cubicBezTo>
                  <a:pt x="5608866" y="1086726"/>
                  <a:pt x="5327827" y="1367503"/>
                  <a:pt x="4968975" y="1426902"/>
                </a:cubicBezTo>
                <a:lnTo>
                  <a:pt x="4968859" y="1428050"/>
                </a:lnTo>
                <a:cubicBezTo>
                  <a:pt x="4963549" y="1429061"/>
                  <a:pt x="4958220" y="1430009"/>
                  <a:pt x="4952643" y="1429590"/>
                </a:cubicBezTo>
                <a:cubicBezTo>
                  <a:pt x="4921471" y="1435144"/>
                  <a:pt x="4889590" y="1438125"/>
                  <a:pt x="4857216" y="1438652"/>
                </a:cubicBezTo>
                <a:lnTo>
                  <a:pt x="4840098" y="1440278"/>
                </a:lnTo>
                <a:lnTo>
                  <a:pt x="4840072" y="1439783"/>
                </a:lnTo>
                <a:lnTo>
                  <a:pt x="4839573" y="1439816"/>
                </a:lnTo>
                <a:cubicBezTo>
                  <a:pt x="4839007" y="1436014"/>
                  <a:pt x="4838980" y="1432198"/>
                  <a:pt x="4838980" y="1428376"/>
                </a:cubicBezTo>
                <a:cubicBezTo>
                  <a:pt x="4838980" y="1422694"/>
                  <a:pt x="4839038" y="1417025"/>
                  <a:pt x="4840350" y="1411395"/>
                </a:cubicBezTo>
                <a:cubicBezTo>
                  <a:pt x="4840308" y="1380067"/>
                  <a:pt x="4842758" y="1349182"/>
                  <a:pt x="4847814" y="1318938"/>
                </a:cubicBezTo>
                <a:lnTo>
                  <a:pt x="4848355" y="1312248"/>
                </a:lnTo>
                <a:cubicBezTo>
                  <a:pt x="4848523" y="1312243"/>
                  <a:pt x="4848693" y="1312238"/>
                  <a:pt x="4848860" y="1312185"/>
                </a:cubicBezTo>
                <a:cubicBezTo>
                  <a:pt x="4899137" y="959319"/>
                  <a:pt x="5180176" y="678542"/>
                  <a:pt x="5539026" y="619144"/>
                </a:cubicBezTo>
                <a:lnTo>
                  <a:pt x="5539143" y="617996"/>
                </a:lnTo>
                <a:cubicBezTo>
                  <a:pt x="5544452" y="616986"/>
                  <a:pt x="5549780" y="616038"/>
                  <a:pt x="5555356" y="616457"/>
                </a:cubicBezTo>
                <a:cubicBezTo>
                  <a:pt x="5586539" y="610900"/>
                  <a:pt x="5618432" y="607919"/>
                  <a:pt x="5650817" y="607392"/>
                </a:cubicBezTo>
                <a:close/>
                <a:moveTo>
                  <a:pt x="3998505" y="605769"/>
                </a:moveTo>
                <a:lnTo>
                  <a:pt x="4015592" y="607392"/>
                </a:lnTo>
                <a:cubicBezTo>
                  <a:pt x="4047978" y="607919"/>
                  <a:pt x="4079870" y="610900"/>
                  <a:pt x="4111054" y="616457"/>
                </a:cubicBezTo>
                <a:cubicBezTo>
                  <a:pt x="4116630" y="616038"/>
                  <a:pt x="4121958" y="616986"/>
                  <a:pt x="4127266" y="617996"/>
                </a:cubicBezTo>
                <a:lnTo>
                  <a:pt x="4127384" y="619144"/>
                </a:lnTo>
                <a:cubicBezTo>
                  <a:pt x="4486234" y="678542"/>
                  <a:pt x="4767273" y="959319"/>
                  <a:pt x="4817549" y="1312185"/>
                </a:cubicBezTo>
                <a:cubicBezTo>
                  <a:pt x="4817717" y="1312238"/>
                  <a:pt x="4817886" y="1312243"/>
                  <a:pt x="4818055" y="1312248"/>
                </a:cubicBezTo>
                <a:lnTo>
                  <a:pt x="4818595" y="1318938"/>
                </a:lnTo>
                <a:cubicBezTo>
                  <a:pt x="4823652" y="1349182"/>
                  <a:pt x="4826101" y="1380067"/>
                  <a:pt x="4826059" y="1411395"/>
                </a:cubicBezTo>
                <a:cubicBezTo>
                  <a:pt x="4827371" y="1417025"/>
                  <a:pt x="4827430" y="1422694"/>
                  <a:pt x="4827430" y="1428376"/>
                </a:cubicBezTo>
                <a:cubicBezTo>
                  <a:pt x="4827430" y="1432198"/>
                  <a:pt x="4827403" y="1436014"/>
                  <a:pt x="4826837" y="1439816"/>
                </a:cubicBezTo>
                <a:lnTo>
                  <a:pt x="4826338" y="1439783"/>
                </a:lnTo>
                <a:lnTo>
                  <a:pt x="4826312" y="1440278"/>
                </a:lnTo>
                <a:lnTo>
                  <a:pt x="4809193" y="1438652"/>
                </a:lnTo>
                <a:cubicBezTo>
                  <a:pt x="4776819" y="1438125"/>
                  <a:pt x="4744939" y="1435144"/>
                  <a:pt x="4713767" y="1429590"/>
                </a:cubicBezTo>
                <a:cubicBezTo>
                  <a:pt x="4708190" y="1430009"/>
                  <a:pt x="4702861" y="1429061"/>
                  <a:pt x="4697550" y="1428050"/>
                </a:cubicBezTo>
                <a:lnTo>
                  <a:pt x="4697434" y="1426902"/>
                </a:lnTo>
                <a:cubicBezTo>
                  <a:pt x="4338583" y="1367503"/>
                  <a:pt x="4057544" y="1086726"/>
                  <a:pt x="4007268" y="733861"/>
                </a:cubicBezTo>
                <a:cubicBezTo>
                  <a:pt x="4007101" y="733808"/>
                  <a:pt x="4006932" y="733803"/>
                  <a:pt x="4006763" y="733798"/>
                </a:cubicBezTo>
                <a:lnTo>
                  <a:pt x="4006225" y="727122"/>
                </a:lnTo>
                <a:cubicBezTo>
                  <a:pt x="4001166" y="696872"/>
                  <a:pt x="3998715" y="665981"/>
                  <a:pt x="3998757" y="634646"/>
                </a:cubicBezTo>
                <a:cubicBezTo>
                  <a:pt x="3997445" y="629018"/>
                  <a:pt x="3997387" y="623351"/>
                  <a:pt x="3997387" y="617670"/>
                </a:cubicBezTo>
                <a:lnTo>
                  <a:pt x="3997981" y="606230"/>
                </a:lnTo>
                <a:lnTo>
                  <a:pt x="3998479" y="606263"/>
                </a:lnTo>
                <a:close/>
                <a:moveTo>
                  <a:pt x="3975754" y="605769"/>
                </a:moveTo>
                <a:lnTo>
                  <a:pt x="3975780" y="606263"/>
                </a:lnTo>
                <a:lnTo>
                  <a:pt x="3976278" y="606230"/>
                </a:lnTo>
                <a:lnTo>
                  <a:pt x="3976872" y="617670"/>
                </a:lnTo>
                <a:cubicBezTo>
                  <a:pt x="3976872" y="623351"/>
                  <a:pt x="3976813" y="629018"/>
                  <a:pt x="3975501" y="634646"/>
                </a:cubicBezTo>
                <a:cubicBezTo>
                  <a:pt x="3975543" y="665981"/>
                  <a:pt x="3973093" y="696872"/>
                  <a:pt x="3968034" y="727122"/>
                </a:cubicBezTo>
                <a:lnTo>
                  <a:pt x="3967496" y="733798"/>
                </a:lnTo>
                <a:cubicBezTo>
                  <a:pt x="3967326" y="733803"/>
                  <a:pt x="3967158" y="733808"/>
                  <a:pt x="3966990" y="733861"/>
                </a:cubicBezTo>
                <a:cubicBezTo>
                  <a:pt x="3916715" y="1086726"/>
                  <a:pt x="3635676" y="1367503"/>
                  <a:pt x="3276825" y="1426902"/>
                </a:cubicBezTo>
                <a:lnTo>
                  <a:pt x="3276708" y="1428050"/>
                </a:lnTo>
                <a:cubicBezTo>
                  <a:pt x="3271398" y="1429061"/>
                  <a:pt x="3266069" y="1430009"/>
                  <a:pt x="3260492" y="1429590"/>
                </a:cubicBezTo>
                <a:cubicBezTo>
                  <a:pt x="3229320" y="1435144"/>
                  <a:pt x="3197440" y="1438125"/>
                  <a:pt x="3165065" y="1438652"/>
                </a:cubicBezTo>
                <a:lnTo>
                  <a:pt x="3147947" y="1440278"/>
                </a:lnTo>
                <a:lnTo>
                  <a:pt x="3147921" y="1439783"/>
                </a:lnTo>
                <a:lnTo>
                  <a:pt x="3147422" y="1439816"/>
                </a:lnTo>
                <a:cubicBezTo>
                  <a:pt x="3146856" y="1436014"/>
                  <a:pt x="3146829" y="1432198"/>
                  <a:pt x="3146829" y="1428376"/>
                </a:cubicBezTo>
                <a:cubicBezTo>
                  <a:pt x="3146829" y="1422694"/>
                  <a:pt x="3146887" y="1417025"/>
                  <a:pt x="3148199" y="1411395"/>
                </a:cubicBezTo>
                <a:cubicBezTo>
                  <a:pt x="3148157" y="1380067"/>
                  <a:pt x="3150607" y="1349182"/>
                  <a:pt x="3155663" y="1318938"/>
                </a:cubicBezTo>
                <a:lnTo>
                  <a:pt x="3156204" y="1312248"/>
                </a:lnTo>
                <a:cubicBezTo>
                  <a:pt x="3156372" y="1312243"/>
                  <a:pt x="3156542" y="1312238"/>
                  <a:pt x="3156709" y="1312185"/>
                </a:cubicBezTo>
                <a:cubicBezTo>
                  <a:pt x="3206986" y="959319"/>
                  <a:pt x="3488025" y="678542"/>
                  <a:pt x="3846875" y="619144"/>
                </a:cubicBezTo>
                <a:lnTo>
                  <a:pt x="3846992" y="617996"/>
                </a:lnTo>
                <a:cubicBezTo>
                  <a:pt x="3852301" y="616986"/>
                  <a:pt x="3857629" y="616038"/>
                  <a:pt x="3863205" y="616457"/>
                </a:cubicBezTo>
                <a:cubicBezTo>
                  <a:pt x="3894388" y="610900"/>
                  <a:pt x="3926281" y="607919"/>
                  <a:pt x="3958666" y="607392"/>
                </a:cubicBezTo>
                <a:close/>
                <a:moveTo>
                  <a:pt x="2306354" y="605769"/>
                </a:moveTo>
                <a:lnTo>
                  <a:pt x="2323441" y="607392"/>
                </a:lnTo>
                <a:cubicBezTo>
                  <a:pt x="2355827" y="607919"/>
                  <a:pt x="2387719" y="610900"/>
                  <a:pt x="2418903" y="616457"/>
                </a:cubicBezTo>
                <a:cubicBezTo>
                  <a:pt x="2424479" y="616038"/>
                  <a:pt x="2429807" y="616986"/>
                  <a:pt x="2435115" y="617996"/>
                </a:cubicBezTo>
                <a:lnTo>
                  <a:pt x="2435233" y="619144"/>
                </a:lnTo>
                <a:cubicBezTo>
                  <a:pt x="2794083" y="678542"/>
                  <a:pt x="3075122" y="959319"/>
                  <a:pt x="3125398" y="1312185"/>
                </a:cubicBezTo>
                <a:cubicBezTo>
                  <a:pt x="3125566" y="1312238"/>
                  <a:pt x="3125735" y="1312243"/>
                  <a:pt x="3125904" y="1312248"/>
                </a:cubicBezTo>
                <a:lnTo>
                  <a:pt x="3126444" y="1318938"/>
                </a:lnTo>
                <a:cubicBezTo>
                  <a:pt x="3131501" y="1349182"/>
                  <a:pt x="3133950" y="1380067"/>
                  <a:pt x="3133908" y="1411395"/>
                </a:cubicBezTo>
                <a:cubicBezTo>
                  <a:pt x="3135220" y="1417025"/>
                  <a:pt x="3135279" y="1422694"/>
                  <a:pt x="3135279" y="1428376"/>
                </a:cubicBezTo>
                <a:cubicBezTo>
                  <a:pt x="3135279" y="1432198"/>
                  <a:pt x="3135252" y="1436014"/>
                  <a:pt x="3134686" y="1439816"/>
                </a:cubicBezTo>
                <a:lnTo>
                  <a:pt x="3134187" y="1439783"/>
                </a:lnTo>
                <a:lnTo>
                  <a:pt x="3134161" y="1440278"/>
                </a:lnTo>
                <a:lnTo>
                  <a:pt x="3117042" y="1438652"/>
                </a:lnTo>
                <a:cubicBezTo>
                  <a:pt x="3084668" y="1438125"/>
                  <a:pt x="3052788" y="1435144"/>
                  <a:pt x="3021616" y="1429590"/>
                </a:cubicBezTo>
                <a:cubicBezTo>
                  <a:pt x="3016039" y="1430009"/>
                  <a:pt x="3010710" y="1429061"/>
                  <a:pt x="3005399" y="1428050"/>
                </a:cubicBezTo>
                <a:lnTo>
                  <a:pt x="3005283" y="1426902"/>
                </a:lnTo>
                <a:cubicBezTo>
                  <a:pt x="2646432" y="1367503"/>
                  <a:pt x="2365393" y="1086726"/>
                  <a:pt x="2315117" y="733861"/>
                </a:cubicBezTo>
                <a:cubicBezTo>
                  <a:pt x="2314950" y="733808"/>
                  <a:pt x="2314781" y="733803"/>
                  <a:pt x="2314612" y="733798"/>
                </a:cubicBezTo>
                <a:lnTo>
                  <a:pt x="2314074" y="727122"/>
                </a:lnTo>
                <a:cubicBezTo>
                  <a:pt x="2309015" y="696872"/>
                  <a:pt x="2306564" y="665981"/>
                  <a:pt x="2306606" y="634646"/>
                </a:cubicBezTo>
                <a:cubicBezTo>
                  <a:pt x="2305294" y="629018"/>
                  <a:pt x="2305236" y="623351"/>
                  <a:pt x="2305236" y="617670"/>
                </a:cubicBezTo>
                <a:lnTo>
                  <a:pt x="2305830" y="606230"/>
                </a:lnTo>
                <a:lnTo>
                  <a:pt x="2306328" y="606263"/>
                </a:lnTo>
                <a:close/>
                <a:moveTo>
                  <a:pt x="2283603" y="605769"/>
                </a:moveTo>
                <a:lnTo>
                  <a:pt x="2283629" y="606263"/>
                </a:lnTo>
                <a:lnTo>
                  <a:pt x="2284127" y="606230"/>
                </a:lnTo>
                <a:lnTo>
                  <a:pt x="2284721" y="617670"/>
                </a:lnTo>
                <a:cubicBezTo>
                  <a:pt x="2284721" y="623351"/>
                  <a:pt x="2284662" y="629018"/>
                  <a:pt x="2283350" y="634646"/>
                </a:cubicBezTo>
                <a:cubicBezTo>
                  <a:pt x="2283392" y="665981"/>
                  <a:pt x="2280942" y="696872"/>
                  <a:pt x="2275883" y="727122"/>
                </a:cubicBezTo>
                <a:lnTo>
                  <a:pt x="2275345" y="733798"/>
                </a:lnTo>
                <a:cubicBezTo>
                  <a:pt x="2275175" y="733803"/>
                  <a:pt x="2275007" y="733808"/>
                  <a:pt x="2274839" y="733861"/>
                </a:cubicBezTo>
                <a:cubicBezTo>
                  <a:pt x="2224564" y="1086726"/>
                  <a:pt x="1943525" y="1367503"/>
                  <a:pt x="1584673" y="1426902"/>
                </a:cubicBezTo>
                <a:lnTo>
                  <a:pt x="1584557" y="1428050"/>
                </a:lnTo>
                <a:cubicBezTo>
                  <a:pt x="1579247" y="1429061"/>
                  <a:pt x="1573918" y="1430009"/>
                  <a:pt x="1568341" y="1429590"/>
                </a:cubicBezTo>
                <a:cubicBezTo>
                  <a:pt x="1537169" y="1435144"/>
                  <a:pt x="1505289" y="1438125"/>
                  <a:pt x="1472914" y="1438652"/>
                </a:cubicBezTo>
                <a:lnTo>
                  <a:pt x="1455796" y="1440278"/>
                </a:lnTo>
                <a:lnTo>
                  <a:pt x="1455770" y="1439783"/>
                </a:lnTo>
                <a:lnTo>
                  <a:pt x="1455271" y="1439816"/>
                </a:lnTo>
                <a:cubicBezTo>
                  <a:pt x="1454705" y="1436014"/>
                  <a:pt x="1454678" y="1432198"/>
                  <a:pt x="1454678" y="1428376"/>
                </a:cubicBezTo>
                <a:cubicBezTo>
                  <a:pt x="1454678" y="1422694"/>
                  <a:pt x="1454736" y="1417025"/>
                  <a:pt x="1456048" y="1411395"/>
                </a:cubicBezTo>
                <a:cubicBezTo>
                  <a:pt x="1456006" y="1380067"/>
                  <a:pt x="1458456" y="1349182"/>
                  <a:pt x="1463513" y="1318938"/>
                </a:cubicBezTo>
                <a:lnTo>
                  <a:pt x="1464053" y="1312248"/>
                </a:lnTo>
                <a:cubicBezTo>
                  <a:pt x="1464221" y="1312243"/>
                  <a:pt x="1464391" y="1312238"/>
                  <a:pt x="1464558" y="1312185"/>
                </a:cubicBezTo>
                <a:cubicBezTo>
                  <a:pt x="1514835" y="959319"/>
                  <a:pt x="1795874" y="678542"/>
                  <a:pt x="2154724" y="619144"/>
                </a:cubicBezTo>
                <a:lnTo>
                  <a:pt x="2154841" y="617996"/>
                </a:lnTo>
                <a:cubicBezTo>
                  <a:pt x="2160150" y="616986"/>
                  <a:pt x="2165478" y="616038"/>
                  <a:pt x="2171054" y="616457"/>
                </a:cubicBezTo>
                <a:cubicBezTo>
                  <a:pt x="2202237" y="610900"/>
                  <a:pt x="2234130" y="607919"/>
                  <a:pt x="2266515" y="607392"/>
                </a:cubicBezTo>
                <a:close/>
                <a:moveTo>
                  <a:pt x="614203" y="605769"/>
                </a:moveTo>
                <a:lnTo>
                  <a:pt x="631290" y="607392"/>
                </a:lnTo>
                <a:cubicBezTo>
                  <a:pt x="663676" y="607919"/>
                  <a:pt x="695568" y="610900"/>
                  <a:pt x="726752" y="616457"/>
                </a:cubicBezTo>
                <a:cubicBezTo>
                  <a:pt x="732328" y="616038"/>
                  <a:pt x="737656" y="616986"/>
                  <a:pt x="742964" y="617996"/>
                </a:cubicBezTo>
                <a:lnTo>
                  <a:pt x="743081" y="619144"/>
                </a:lnTo>
                <a:cubicBezTo>
                  <a:pt x="1101932" y="678542"/>
                  <a:pt x="1382971" y="959319"/>
                  <a:pt x="1433247" y="1312185"/>
                </a:cubicBezTo>
                <a:cubicBezTo>
                  <a:pt x="1433415" y="1312238"/>
                  <a:pt x="1433584" y="1312243"/>
                  <a:pt x="1433753" y="1312248"/>
                </a:cubicBezTo>
                <a:lnTo>
                  <a:pt x="1434293" y="1318938"/>
                </a:lnTo>
                <a:cubicBezTo>
                  <a:pt x="1439350" y="1349182"/>
                  <a:pt x="1441799" y="1380067"/>
                  <a:pt x="1441757" y="1411395"/>
                </a:cubicBezTo>
                <a:cubicBezTo>
                  <a:pt x="1443069" y="1417025"/>
                  <a:pt x="1443128" y="1422694"/>
                  <a:pt x="1443128" y="1428376"/>
                </a:cubicBezTo>
                <a:cubicBezTo>
                  <a:pt x="1443128" y="1432198"/>
                  <a:pt x="1443101" y="1436014"/>
                  <a:pt x="1442535" y="1439816"/>
                </a:cubicBezTo>
                <a:lnTo>
                  <a:pt x="1442036" y="1439783"/>
                </a:lnTo>
                <a:lnTo>
                  <a:pt x="1442010" y="1440278"/>
                </a:lnTo>
                <a:lnTo>
                  <a:pt x="1424891" y="1438652"/>
                </a:lnTo>
                <a:cubicBezTo>
                  <a:pt x="1392517" y="1438125"/>
                  <a:pt x="1360637" y="1435144"/>
                  <a:pt x="1329465" y="1429590"/>
                </a:cubicBezTo>
                <a:cubicBezTo>
                  <a:pt x="1323888" y="1430009"/>
                  <a:pt x="1318559" y="1429061"/>
                  <a:pt x="1313248" y="1428050"/>
                </a:cubicBezTo>
                <a:lnTo>
                  <a:pt x="1313132" y="1426902"/>
                </a:lnTo>
                <a:cubicBezTo>
                  <a:pt x="954281" y="1367503"/>
                  <a:pt x="673242" y="1086726"/>
                  <a:pt x="622966" y="733861"/>
                </a:cubicBezTo>
                <a:cubicBezTo>
                  <a:pt x="622799" y="733808"/>
                  <a:pt x="622630" y="733803"/>
                  <a:pt x="622461" y="733798"/>
                </a:cubicBezTo>
                <a:lnTo>
                  <a:pt x="621923" y="727122"/>
                </a:lnTo>
                <a:cubicBezTo>
                  <a:pt x="616864" y="696872"/>
                  <a:pt x="614413" y="665981"/>
                  <a:pt x="614455" y="634646"/>
                </a:cubicBezTo>
                <a:cubicBezTo>
                  <a:pt x="613143" y="629018"/>
                  <a:pt x="613085" y="623351"/>
                  <a:pt x="613085" y="617670"/>
                </a:cubicBezTo>
                <a:lnTo>
                  <a:pt x="613679" y="606230"/>
                </a:lnTo>
                <a:lnTo>
                  <a:pt x="614177" y="606263"/>
                </a:lnTo>
                <a:close/>
                <a:moveTo>
                  <a:pt x="7360056" y="605769"/>
                </a:moveTo>
                <a:lnTo>
                  <a:pt x="7360082" y="606263"/>
                </a:lnTo>
                <a:lnTo>
                  <a:pt x="7360580" y="606230"/>
                </a:lnTo>
                <a:lnTo>
                  <a:pt x="7361174" y="617670"/>
                </a:lnTo>
                <a:cubicBezTo>
                  <a:pt x="7361174" y="623351"/>
                  <a:pt x="7361116" y="629018"/>
                  <a:pt x="7359804" y="634646"/>
                </a:cubicBezTo>
                <a:cubicBezTo>
                  <a:pt x="7359846" y="665981"/>
                  <a:pt x="7357395" y="696872"/>
                  <a:pt x="7352337" y="727122"/>
                </a:cubicBezTo>
                <a:lnTo>
                  <a:pt x="7351798" y="733798"/>
                </a:lnTo>
                <a:cubicBezTo>
                  <a:pt x="7351629" y="733803"/>
                  <a:pt x="7351460" y="733808"/>
                  <a:pt x="7351293" y="733861"/>
                </a:cubicBezTo>
                <a:cubicBezTo>
                  <a:pt x="7301017" y="1086726"/>
                  <a:pt x="7019978" y="1367503"/>
                  <a:pt x="6661127" y="1426902"/>
                </a:cubicBezTo>
                <a:lnTo>
                  <a:pt x="6661011" y="1428050"/>
                </a:lnTo>
                <a:cubicBezTo>
                  <a:pt x="6655700" y="1429061"/>
                  <a:pt x="6650371" y="1430009"/>
                  <a:pt x="6644794" y="1429590"/>
                </a:cubicBezTo>
                <a:cubicBezTo>
                  <a:pt x="6613622" y="1435144"/>
                  <a:pt x="6581742" y="1438125"/>
                  <a:pt x="6549368" y="1438652"/>
                </a:cubicBezTo>
                <a:lnTo>
                  <a:pt x="6532249" y="1440278"/>
                </a:lnTo>
                <a:lnTo>
                  <a:pt x="6532223" y="1439783"/>
                </a:lnTo>
                <a:lnTo>
                  <a:pt x="6531724" y="1439816"/>
                </a:lnTo>
                <a:cubicBezTo>
                  <a:pt x="6531158" y="1436014"/>
                  <a:pt x="6531131" y="1432198"/>
                  <a:pt x="6531131" y="1428376"/>
                </a:cubicBezTo>
                <a:cubicBezTo>
                  <a:pt x="6531131" y="1422694"/>
                  <a:pt x="6531190" y="1417025"/>
                  <a:pt x="6532502" y="1411395"/>
                </a:cubicBezTo>
                <a:cubicBezTo>
                  <a:pt x="6532460" y="1380067"/>
                  <a:pt x="6534909" y="1349182"/>
                  <a:pt x="6539966" y="1318938"/>
                </a:cubicBezTo>
                <a:lnTo>
                  <a:pt x="6540506" y="1312248"/>
                </a:lnTo>
                <a:cubicBezTo>
                  <a:pt x="6540675" y="1312243"/>
                  <a:pt x="6540844" y="1312238"/>
                  <a:pt x="6541012" y="1312185"/>
                </a:cubicBezTo>
                <a:cubicBezTo>
                  <a:pt x="6591288" y="959319"/>
                  <a:pt x="6872327" y="678542"/>
                  <a:pt x="7231178" y="619144"/>
                </a:cubicBezTo>
                <a:lnTo>
                  <a:pt x="7231295" y="617996"/>
                </a:lnTo>
                <a:cubicBezTo>
                  <a:pt x="7236603" y="616986"/>
                  <a:pt x="7241931" y="616038"/>
                  <a:pt x="7247507" y="616457"/>
                </a:cubicBezTo>
                <a:cubicBezTo>
                  <a:pt x="7278691" y="610900"/>
                  <a:pt x="7310583" y="607919"/>
                  <a:pt x="7342969" y="607392"/>
                </a:cubicBezTo>
                <a:close/>
                <a:moveTo>
                  <a:pt x="591452" y="605769"/>
                </a:moveTo>
                <a:lnTo>
                  <a:pt x="591478" y="606263"/>
                </a:lnTo>
                <a:lnTo>
                  <a:pt x="591976" y="606230"/>
                </a:lnTo>
                <a:lnTo>
                  <a:pt x="592570" y="617670"/>
                </a:lnTo>
                <a:cubicBezTo>
                  <a:pt x="592570" y="623351"/>
                  <a:pt x="592511" y="629018"/>
                  <a:pt x="591199" y="634646"/>
                </a:cubicBezTo>
                <a:cubicBezTo>
                  <a:pt x="591242" y="665981"/>
                  <a:pt x="588791" y="696872"/>
                  <a:pt x="583732" y="727122"/>
                </a:cubicBezTo>
                <a:lnTo>
                  <a:pt x="583194" y="733798"/>
                </a:lnTo>
                <a:cubicBezTo>
                  <a:pt x="583024" y="733803"/>
                  <a:pt x="582856" y="733808"/>
                  <a:pt x="582689" y="733861"/>
                </a:cubicBezTo>
                <a:cubicBezTo>
                  <a:pt x="537576" y="1050490"/>
                  <a:pt x="306662" y="1309076"/>
                  <a:pt x="0" y="1400276"/>
                </a:cubicBezTo>
                <a:lnTo>
                  <a:pt x="0" y="1267938"/>
                </a:lnTo>
                <a:cubicBezTo>
                  <a:pt x="229298" y="1185101"/>
                  <a:pt x="402181" y="989705"/>
                  <a:pt x="449203" y="750600"/>
                </a:cubicBezTo>
                <a:cubicBezTo>
                  <a:pt x="258971" y="791484"/>
                  <a:pt x="97576" y="906749"/>
                  <a:pt x="0" y="1064489"/>
                </a:cubicBezTo>
                <a:lnTo>
                  <a:pt x="0" y="857695"/>
                </a:lnTo>
                <a:cubicBezTo>
                  <a:pt x="121484" y="734788"/>
                  <a:pt x="282199" y="649000"/>
                  <a:pt x="462573" y="619144"/>
                </a:cubicBezTo>
                <a:lnTo>
                  <a:pt x="462690" y="617996"/>
                </a:lnTo>
                <a:cubicBezTo>
                  <a:pt x="467999" y="616986"/>
                  <a:pt x="473327" y="616038"/>
                  <a:pt x="478903" y="616457"/>
                </a:cubicBezTo>
                <a:cubicBezTo>
                  <a:pt x="510086" y="610900"/>
                  <a:pt x="541979" y="607919"/>
                  <a:pt x="574365" y="607392"/>
                </a:cubicBezTo>
                <a:close/>
                <a:moveTo>
                  <a:pt x="11969013" y="0"/>
                </a:moveTo>
                <a:lnTo>
                  <a:pt x="12180097" y="0"/>
                </a:lnTo>
                <a:cubicBezTo>
                  <a:pt x="12184579" y="2797"/>
                  <a:pt x="12188307" y="6390"/>
                  <a:pt x="12192000" y="10016"/>
                </a:cubicBezTo>
                <a:lnTo>
                  <a:pt x="12192000" y="210008"/>
                </a:lnTo>
                <a:cubicBezTo>
                  <a:pt x="12135666" y="124006"/>
                  <a:pt x="12059786" y="51396"/>
                  <a:pt x="11969013" y="0"/>
                </a:cubicBezTo>
                <a:close/>
                <a:moveTo>
                  <a:pt x="11640695" y="0"/>
                </a:moveTo>
                <a:lnTo>
                  <a:pt x="11775234" y="0"/>
                </a:lnTo>
                <a:cubicBezTo>
                  <a:pt x="11842228" y="193636"/>
                  <a:pt x="11995970" y="348667"/>
                  <a:pt x="12192000" y="421829"/>
                </a:cubicBezTo>
                <a:lnTo>
                  <a:pt x="12192000" y="553832"/>
                </a:lnTo>
                <a:cubicBezTo>
                  <a:pt x="11924422" y="471599"/>
                  <a:pt x="11715712" y="262771"/>
                  <a:pt x="11640695" y="0"/>
                </a:cubicBezTo>
                <a:close/>
                <a:moveTo>
                  <a:pt x="11023379" y="0"/>
                </a:moveTo>
                <a:lnTo>
                  <a:pt x="11232088" y="0"/>
                </a:lnTo>
                <a:cubicBezTo>
                  <a:pt x="11066618" y="98005"/>
                  <a:pt x="10947209" y="260867"/>
                  <a:pt x="10909358" y="451830"/>
                </a:cubicBezTo>
                <a:cubicBezTo>
                  <a:pt x="11153410" y="399791"/>
                  <a:pt x="11350000" y="226290"/>
                  <a:pt x="11427896" y="0"/>
                </a:cubicBezTo>
                <a:lnTo>
                  <a:pt x="11561912" y="0"/>
                </a:lnTo>
                <a:cubicBezTo>
                  <a:pt x="11477134" y="299826"/>
                  <a:pt x="11217862" y="529393"/>
                  <a:pt x="10895987" y="582253"/>
                </a:cubicBezTo>
                <a:lnTo>
                  <a:pt x="10895871" y="583392"/>
                </a:lnTo>
                <a:cubicBezTo>
                  <a:pt x="10890560" y="584395"/>
                  <a:pt x="10885231" y="585336"/>
                  <a:pt x="10879654" y="584920"/>
                </a:cubicBezTo>
                <a:cubicBezTo>
                  <a:pt x="10848482" y="590430"/>
                  <a:pt x="10816602" y="593388"/>
                  <a:pt x="10784227" y="593911"/>
                </a:cubicBezTo>
                <a:lnTo>
                  <a:pt x="10767109" y="595524"/>
                </a:lnTo>
                <a:lnTo>
                  <a:pt x="10767083" y="595033"/>
                </a:lnTo>
                <a:lnTo>
                  <a:pt x="10766584" y="595066"/>
                </a:lnTo>
                <a:cubicBezTo>
                  <a:pt x="10766018" y="591293"/>
                  <a:pt x="10765991" y="587507"/>
                  <a:pt x="10765991" y="583715"/>
                </a:cubicBezTo>
                <a:cubicBezTo>
                  <a:pt x="10765991" y="578078"/>
                  <a:pt x="10766050" y="572454"/>
                  <a:pt x="10767362" y="566868"/>
                </a:cubicBezTo>
                <a:cubicBezTo>
                  <a:pt x="10767319" y="535786"/>
                  <a:pt x="10769769" y="505143"/>
                  <a:pt x="10774826" y="475137"/>
                </a:cubicBezTo>
                <a:lnTo>
                  <a:pt x="10775366" y="468500"/>
                </a:lnTo>
                <a:cubicBezTo>
                  <a:pt x="10775535" y="468495"/>
                  <a:pt x="10775704" y="468490"/>
                  <a:pt x="10775872" y="468437"/>
                </a:cubicBezTo>
                <a:cubicBezTo>
                  <a:pt x="10802174" y="285283"/>
                  <a:pt x="10891635" y="121704"/>
                  <a:pt x="11023379" y="0"/>
                </a:cubicBezTo>
                <a:close/>
                <a:moveTo>
                  <a:pt x="9949555" y="0"/>
                </a:moveTo>
                <a:lnTo>
                  <a:pt x="10083571" y="0"/>
                </a:lnTo>
                <a:cubicBezTo>
                  <a:pt x="10161467" y="226290"/>
                  <a:pt x="10358057" y="399791"/>
                  <a:pt x="10602109" y="451830"/>
                </a:cubicBezTo>
                <a:cubicBezTo>
                  <a:pt x="10564258" y="260867"/>
                  <a:pt x="10444849" y="98005"/>
                  <a:pt x="10279379" y="0"/>
                </a:cubicBezTo>
                <a:lnTo>
                  <a:pt x="10488089" y="0"/>
                </a:lnTo>
                <a:cubicBezTo>
                  <a:pt x="10619833" y="121704"/>
                  <a:pt x="10709293" y="285283"/>
                  <a:pt x="10735596" y="468437"/>
                </a:cubicBezTo>
                <a:cubicBezTo>
                  <a:pt x="10735763" y="468490"/>
                  <a:pt x="10735932" y="468495"/>
                  <a:pt x="10736101" y="468500"/>
                </a:cubicBezTo>
                <a:lnTo>
                  <a:pt x="10736641" y="475137"/>
                </a:lnTo>
                <a:cubicBezTo>
                  <a:pt x="10741698" y="505143"/>
                  <a:pt x="10744148" y="535786"/>
                  <a:pt x="10744105" y="566868"/>
                </a:cubicBezTo>
                <a:cubicBezTo>
                  <a:pt x="10745417" y="572454"/>
                  <a:pt x="10745476" y="578078"/>
                  <a:pt x="10745476" y="583715"/>
                </a:cubicBezTo>
                <a:cubicBezTo>
                  <a:pt x="10745476" y="587507"/>
                  <a:pt x="10745449" y="591293"/>
                  <a:pt x="10744883" y="595066"/>
                </a:cubicBezTo>
                <a:lnTo>
                  <a:pt x="10744384" y="595033"/>
                </a:lnTo>
                <a:lnTo>
                  <a:pt x="10744358" y="595524"/>
                </a:lnTo>
                <a:lnTo>
                  <a:pt x="10727240" y="593911"/>
                </a:lnTo>
                <a:cubicBezTo>
                  <a:pt x="10694865" y="593388"/>
                  <a:pt x="10662985" y="590430"/>
                  <a:pt x="10631813" y="584920"/>
                </a:cubicBezTo>
                <a:cubicBezTo>
                  <a:pt x="10626236" y="585336"/>
                  <a:pt x="10620907" y="584395"/>
                  <a:pt x="10615596" y="583392"/>
                </a:cubicBezTo>
                <a:lnTo>
                  <a:pt x="10615480" y="582253"/>
                </a:lnTo>
                <a:cubicBezTo>
                  <a:pt x="10293605" y="529393"/>
                  <a:pt x="10034333" y="299826"/>
                  <a:pt x="9949555" y="0"/>
                </a:cubicBezTo>
                <a:close/>
                <a:moveTo>
                  <a:pt x="9331225" y="0"/>
                </a:moveTo>
                <a:lnTo>
                  <a:pt x="9539935" y="0"/>
                </a:lnTo>
                <a:cubicBezTo>
                  <a:pt x="9374465" y="98005"/>
                  <a:pt x="9255056" y="260867"/>
                  <a:pt x="9217205" y="451830"/>
                </a:cubicBezTo>
                <a:cubicBezTo>
                  <a:pt x="9461257" y="399791"/>
                  <a:pt x="9657847" y="226290"/>
                  <a:pt x="9735743" y="0"/>
                </a:cubicBezTo>
                <a:lnTo>
                  <a:pt x="9869759" y="0"/>
                </a:lnTo>
                <a:cubicBezTo>
                  <a:pt x="9784981" y="299826"/>
                  <a:pt x="9525709" y="529393"/>
                  <a:pt x="9203834" y="582253"/>
                </a:cubicBezTo>
                <a:lnTo>
                  <a:pt x="9203718" y="583392"/>
                </a:lnTo>
                <a:cubicBezTo>
                  <a:pt x="9198407" y="584395"/>
                  <a:pt x="9193078" y="585336"/>
                  <a:pt x="9187501" y="584920"/>
                </a:cubicBezTo>
                <a:cubicBezTo>
                  <a:pt x="9156329" y="590430"/>
                  <a:pt x="9124449" y="593388"/>
                  <a:pt x="9092074" y="593911"/>
                </a:cubicBezTo>
                <a:lnTo>
                  <a:pt x="9074956" y="595524"/>
                </a:lnTo>
                <a:lnTo>
                  <a:pt x="9074930" y="595033"/>
                </a:lnTo>
                <a:lnTo>
                  <a:pt x="9074431" y="595066"/>
                </a:lnTo>
                <a:cubicBezTo>
                  <a:pt x="9073865" y="591293"/>
                  <a:pt x="9073838" y="587507"/>
                  <a:pt x="9073838" y="583715"/>
                </a:cubicBezTo>
                <a:cubicBezTo>
                  <a:pt x="9073838" y="578078"/>
                  <a:pt x="9073897" y="572454"/>
                  <a:pt x="9075209" y="566868"/>
                </a:cubicBezTo>
                <a:cubicBezTo>
                  <a:pt x="9075166" y="535786"/>
                  <a:pt x="9077616" y="505143"/>
                  <a:pt x="9082673" y="475137"/>
                </a:cubicBezTo>
                <a:lnTo>
                  <a:pt x="9083213" y="468500"/>
                </a:lnTo>
                <a:cubicBezTo>
                  <a:pt x="9083382" y="468495"/>
                  <a:pt x="9083551" y="468490"/>
                  <a:pt x="9083718" y="468437"/>
                </a:cubicBezTo>
                <a:cubicBezTo>
                  <a:pt x="9110021" y="285283"/>
                  <a:pt x="9199481" y="121704"/>
                  <a:pt x="9331225" y="0"/>
                </a:cubicBezTo>
                <a:close/>
                <a:moveTo>
                  <a:pt x="8257405" y="0"/>
                </a:moveTo>
                <a:lnTo>
                  <a:pt x="8391420" y="0"/>
                </a:lnTo>
                <a:cubicBezTo>
                  <a:pt x="8469316" y="226290"/>
                  <a:pt x="8665906" y="399791"/>
                  <a:pt x="8909958" y="451830"/>
                </a:cubicBezTo>
                <a:cubicBezTo>
                  <a:pt x="8872107" y="260867"/>
                  <a:pt x="8752698" y="98005"/>
                  <a:pt x="8587228" y="0"/>
                </a:cubicBezTo>
                <a:lnTo>
                  <a:pt x="8795937" y="0"/>
                </a:lnTo>
                <a:cubicBezTo>
                  <a:pt x="8927681" y="121704"/>
                  <a:pt x="9017142" y="285283"/>
                  <a:pt x="9043444" y="468437"/>
                </a:cubicBezTo>
                <a:cubicBezTo>
                  <a:pt x="9043612" y="468490"/>
                  <a:pt x="9043781" y="468495"/>
                  <a:pt x="9043950" y="468500"/>
                </a:cubicBezTo>
                <a:lnTo>
                  <a:pt x="9044490" y="475137"/>
                </a:lnTo>
                <a:cubicBezTo>
                  <a:pt x="9049547" y="505143"/>
                  <a:pt x="9051997" y="535786"/>
                  <a:pt x="9051954" y="566868"/>
                </a:cubicBezTo>
                <a:cubicBezTo>
                  <a:pt x="9053266" y="572454"/>
                  <a:pt x="9053325" y="578078"/>
                  <a:pt x="9053325" y="583715"/>
                </a:cubicBezTo>
                <a:cubicBezTo>
                  <a:pt x="9053325" y="587507"/>
                  <a:pt x="9053298" y="591293"/>
                  <a:pt x="9052732" y="595066"/>
                </a:cubicBezTo>
                <a:lnTo>
                  <a:pt x="9052233" y="595033"/>
                </a:lnTo>
                <a:lnTo>
                  <a:pt x="9052207" y="595524"/>
                </a:lnTo>
                <a:lnTo>
                  <a:pt x="9035089" y="593911"/>
                </a:lnTo>
                <a:cubicBezTo>
                  <a:pt x="9002714" y="593388"/>
                  <a:pt x="8970834" y="590430"/>
                  <a:pt x="8939662" y="584920"/>
                </a:cubicBezTo>
                <a:cubicBezTo>
                  <a:pt x="8934085" y="585336"/>
                  <a:pt x="8928756" y="584395"/>
                  <a:pt x="8923445" y="583392"/>
                </a:cubicBezTo>
                <a:lnTo>
                  <a:pt x="8923329" y="582253"/>
                </a:lnTo>
                <a:cubicBezTo>
                  <a:pt x="8601454" y="529393"/>
                  <a:pt x="8342182" y="299826"/>
                  <a:pt x="8257405" y="0"/>
                </a:cubicBezTo>
                <a:close/>
                <a:moveTo>
                  <a:pt x="7639075" y="0"/>
                </a:moveTo>
                <a:lnTo>
                  <a:pt x="7847784" y="0"/>
                </a:lnTo>
                <a:cubicBezTo>
                  <a:pt x="7682314" y="98005"/>
                  <a:pt x="7562905" y="260867"/>
                  <a:pt x="7525054" y="451830"/>
                </a:cubicBezTo>
                <a:cubicBezTo>
                  <a:pt x="7769107" y="399791"/>
                  <a:pt x="7965696" y="226290"/>
                  <a:pt x="8043592" y="0"/>
                </a:cubicBezTo>
                <a:lnTo>
                  <a:pt x="8177609" y="0"/>
                </a:lnTo>
                <a:cubicBezTo>
                  <a:pt x="8092830" y="299826"/>
                  <a:pt x="7833558" y="529393"/>
                  <a:pt x="7511683" y="582253"/>
                </a:cubicBezTo>
                <a:lnTo>
                  <a:pt x="7511567" y="583392"/>
                </a:lnTo>
                <a:cubicBezTo>
                  <a:pt x="7506256" y="584395"/>
                  <a:pt x="7500927" y="585336"/>
                  <a:pt x="7495350" y="584920"/>
                </a:cubicBezTo>
                <a:cubicBezTo>
                  <a:pt x="7464178" y="590430"/>
                  <a:pt x="7432298" y="593388"/>
                  <a:pt x="7399924" y="593911"/>
                </a:cubicBezTo>
                <a:lnTo>
                  <a:pt x="7382805" y="595524"/>
                </a:lnTo>
                <a:lnTo>
                  <a:pt x="7382779" y="595033"/>
                </a:lnTo>
                <a:lnTo>
                  <a:pt x="7382280" y="595066"/>
                </a:lnTo>
                <a:cubicBezTo>
                  <a:pt x="7381714" y="591293"/>
                  <a:pt x="7381687" y="587507"/>
                  <a:pt x="7381687" y="583715"/>
                </a:cubicBezTo>
                <a:cubicBezTo>
                  <a:pt x="7381687" y="578078"/>
                  <a:pt x="7381746" y="572454"/>
                  <a:pt x="7383058" y="566868"/>
                </a:cubicBezTo>
                <a:cubicBezTo>
                  <a:pt x="7383016" y="535786"/>
                  <a:pt x="7385465" y="505143"/>
                  <a:pt x="7390522" y="475137"/>
                </a:cubicBezTo>
                <a:lnTo>
                  <a:pt x="7391062" y="468500"/>
                </a:lnTo>
                <a:cubicBezTo>
                  <a:pt x="7391231" y="468495"/>
                  <a:pt x="7391400" y="468490"/>
                  <a:pt x="7391568" y="468437"/>
                </a:cubicBezTo>
                <a:cubicBezTo>
                  <a:pt x="7417870" y="285283"/>
                  <a:pt x="7507331" y="121703"/>
                  <a:pt x="7639075" y="0"/>
                </a:cubicBezTo>
                <a:close/>
                <a:moveTo>
                  <a:pt x="6565254" y="0"/>
                </a:moveTo>
                <a:lnTo>
                  <a:pt x="6699270" y="0"/>
                </a:lnTo>
                <a:cubicBezTo>
                  <a:pt x="6777166" y="226290"/>
                  <a:pt x="6973755" y="399791"/>
                  <a:pt x="7217807" y="451830"/>
                </a:cubicBezTo>
                <a:cubicBezTo>
                  <a:pt x="7179956" y="260867"/>
                  <a:pt x="7060547" y="98005"/>
                  <a:pt x="6895077" y="0"/>
                </a:cubicBezTo>
                <a:lnTo>
                  <a:pt x="7103787" y="0"/>
                </a:lnTo>
                <a:cubicBezTo>
                  <a:pt x="7235531" y="121704"/>
                  <a:pt x="7324992" y="285283"/>
                  <a:pt x="7351294" y="468437"/>
                </a:cubicBezTo>
                <a:cubicBezTo>
                  <a:pt x="7351461" y="468490"/>
                  <a:pt x="7351631" y="468495"/>
                  <a:pt x="7351799" y="468500"/>
                </a:cubicBezTo>
                <a:lnTo>
                  <a:pt x="7352340" y="475137"/>
                </a:lnTo>
                <a:cubicBezTo>
                  <a:pt x="7357396" y="505143"/>
                  <a:pt x="7359846" y="535786"/>
                  <a:pt x="7359804" y="566868"/>
                </a:cubicBezTo>
                <a:cubicBezTo>
                  <a:pt x="7361116" y="572454"/>
                  <a:pt x="7361174" y="578078"/>
                  <a:pt x="7361174" y="583715"/>
                </a:cubicBezTo>
                <a:cubicBezTo>
                  <a:pt x="7361174" y="587507"/>
                  <a:pt x="7361147" y="591293"/>
                  <a:pt x="7360581" y="595066"/>
                </a:cubicBezTo>
                <a:lnTo>
                  <a:pt x="7360082" y="595033"/>
                </a:lnTo>
                <a:lnTo>
                  <a:pt x="7360056" y="595524"/>
                </a:lnTo>
                <a:lnTo>
                  <a:pt x="7342938" y="593911"/>
                </a:lnTo>
                <a:cubicBezTo>
                  <a:pt x="7310564" y="593388"/>
                  <a:pt x="7278683" y="590430"/>
                  <a:pt x="7247511" y="584920"/>
                </a:cubicBezTo>
                <a:cubicBezTo>
                  <a:pt x="7241934" y="585336"/>
                  <a:pt x="7236605" y="584395"/>
                  <a:pt x="7231295" y="583392"/>
                </a:cubicBezTo>
                <a:lnTo>
                  <a:pt x="7231179" y="582253"/>
                </a:lnTo>
                <a:cubicBezTo>
                  <a:pt x="6909304" y="529393"/>
                  <a:pt x="6650032" y="299826"/>
                  <a:pt x="6565254" y="0"/>
                </a:cubicBezTo>
                <a:close/>
                <a:moveTo>
                  <a:pt x="5946924" y="0"/>
                </a:moveTo>
                <a:lnTo>
                  <a:pt x="6155633" y="0"/>
                </a:lnTo>
                <a:cubicBezTo>
                  <a:pt x="5990163" y="98005"/>
                  <a:pt x="5870754" y="260867"/>
                  <a:pt x="5832903" y="451830"/>
                </a:cubicBezTo>
                <a:cubicBezTo>
                  <a:pt x="6076956" y="399791"/>
                  <a:pt x="6273545" y="226290"/>
                  <a:pt x="6351441" y="0"/>
                </a:cubicBezTo>
                <a:lnTo>
                  <a:pt x="6485457" y="0"/>
                </a:lnTo>
                <a:cubicBezTo>
                  <a:pt x="6400679" y="299826"/>
                  <a:pt x="6141407" y="529393"/>
                  <a:pt x="5819531" y="582253"/>
                </a:cubicBezTo>
                <a:lnTo>
                  <a:pt x="5819415" y="583392"/>
                </a:lnTo>
                <a:cubicBezTo>
                  <a:pt x="5814105" y="584395"/>
                  <a:pt x="5808776" y="585336"/>
                  <a:pt x="5803199" y="584920"/>
                </a:cubicBezTo>
                <a:cubicBezTo>
                  <a:pt x="5772027" y="590430"/>
                  <a:pt x="5740146" y="593388"/>
                  <a:pt x="5707772" y="593911"/>
                </a:cubicBezTo>
                <a:lnTo>
                  <a:pt x="5690654" y="595524"/>
                </a:lnTo>
                <a:lnTo>
                  <a:pt x="5690628" y="595033"/>
                </a:lnTo>
                <a:lnTo>
                  <a:pt x="5690129" y="595066"/>
                </a:lnTo>
                <a:cubicBezTo>
                  <a:pt x="5689563" y="591293"/>
                  <a:pt x="5689536" y="587507"/>
                  <a:pt x="5689536" y="583715"/>
                </a:cubicBezTo>
                <a:cubicBezTo>
                  <a:pt x="5689536" y="578078"/>
                  <a:pt x="5689594" y="572454"/>
                  <a:pt x="5690906" y="566868"/>
                </a:cubicBezTo>
                <a:cubicBezTo>
                  <a:pt x="5690864" y="535786"/>
                  <a:pt x="5693314" y="505143"/>
                  <a:pt x="5698370" y="475137"/>
                </a:cubicBezTo>
                <a:lnTo>
                  <a:pt x="5698911" y="468500"/>
                </a:lnTo>
                <a:cubicBezTo>
                  <a:pt x="5699079" y="468495"/>
                  <a:pt x="5699249" y="468490"/>
                  <a:pt x="5699416" y="468437"/>
                </a:cubicBezTo>
                <a:cubicBezTo>
                  <a:pt x="5725719" y="285283"/>
                  <a:pt x="5815180" y="121704"/>
                  <a:pt x="5946924" y="0"/>
                </a:cubicBezTo>
                <a:close/>
                <a:moveTo>
                  <a:pt x="4873102" y="0"/>
                </a:moveTo>
                <a:lnTo>
                  <a:pt x="5007119" y="0"/>
                </a:lnTo>
                <a:cubicBezTo>
                  <a:pt x="5085015" y="226291"/>
                  <a:pt x="5281604" y="399791"/>
                  <a:pt x="5525656" y="451830"/>
                </a:cubicBezTo>
                <a:cubicBezTo>
                  <a:pt x="5487805" y="260867"/>
                  <a:pt x="5368397" y="98005"/>
                  <a:pt x="5202927" y="0"/>
                </a:cubicBezTo>
                <a:lnTo>
                  <a:pt x="5411635" y="0"/>
                </a:lnTo>
                <a:cubicBezTo>
                  <a:pt x="5543380" y="121703"/>
                  <a:pt x="5632840" y="285283"/>
                  <a:pt x="5659142" y="468437"/>
                </a:cubicBezTo>
                <a:cubicBezTo>
                  <a:pt x="5659310" y="468490"/>
                  <a:pt x="5659479" y="468495"/>
                  <a:pt x="5659648" y="468499"/>
                </a:cubicBezTo>
                <a:lnTo>
                  <a:pt x="5660188" y="475137"/>
                </a:lnTo>
                <a:cubicBezTo>
                  <a:pt x="5665245" y="505143"/>
                  <a:pt x="5667694" y="535786"/>
                  <a:pt x="5667652" y="566868"/>
                </a:cubicBezTo>
                <a:cubicBezTo>
                  <a:pt x="5668964" y="572454"/>
                  <a:pt x="5669023" y="578078"/>
                  <a:pt x="5669023" y="583715"/>
                </a:cubicBezTo>
                <a:cubicBezTo>
                  <a:pt x="5669023" y="587508"/>
                  <a:pt x="5668996" y="591293"/>
                  <a:pt x="5668430" y="595066"/>
                </a:cubicBezTo>
                <a:lnTo>
                  <a:pt x="5667931" y="595033"/>
                </a:lnTo>
                <a:lnTo>
                  <a:pt x="5667905" y="595524"/>
                </a:lnTo>
                <a:lnTo>
                  <a:pt x="5650786" y="593911"/>
                </a:lnTo>
                <a:cubicBezTo>
                  <a:pt x="5618412" y="593388"/>
                  <a:pt x="5586532" y="590430"/>
                  <a:pt x="5555360" y="584920"/>
                </a:cubicBezTo>
                <a:cubicBezTo>
                  <a:pt x="5549783" y="585336"/>
                  <a:pt x="5544454" y="584395"/>
                  <a:pt x="5539143" y="583392"/>
                </a:cubicBezTo>
                <a:lnTo>
                  <a:pt x="5539027" y="582253"/>
                </a:lnTo>
                <a:cubicBezTo>
                  <a:pt x="5217153" y="529393"/>
                  <a:pt x="4957881" y="299826"/>
                  <a:pt x="4873102" y="0"/>
                </a:cubicBezTo>
                <a:close/>
                <a:moveTo>
                  <a:pt x="4254773" y="0"/>
                </a:moveTo>
                <a:lnTo>
                  <a:pt x="4463482" y="0"/>
                </a:lnTo>
                <a:cubicBezTo>
                  <a:pt x="4298012" y="98005"/>
                  <a:pt x="4178603" y="260867"/>
                  <a:pt x="4140752" y="451830"/>
                </a:cubicBezTo>
                <a:cubicBezTo>
                  <a:pt x="4384804" y="399791"/>
                  <a:pt x="4581394" y="226291"/>
                  <a:pt x="4659290" y="0"/>
                </a:cubicBezTo>
                <a:lnTo>
                  <a:pt x="4793306" y="0"/>
                </a:lnTo>
                <a:cubicBezTo>
                  <a:pt x="4708528" y="299826"/>
                  <a:pt x="4449256" y="529393"/>
                  <a:pt x="4127381" y="582253"/>
                </a:cubicBezTo>
                <a:lnTo>
                  <a:pt x="4127264" y="583392"/>
                </a:lnTo>
                <a:cubicBezTo>
                  <a:pt x="4121954" y="584395"/>
                  <a:pt x="4116625" y="585336"/>
                  <a:pt x="4111048" y="584920"/>
                </a:cubicBezTo>
                <a:cubicBezTo>
                  <a:pt x="4079876" y="590430"/>
                  <a:pt x="4047996" y="593388"/>
                  <a:pt x="4015621" y="593911"/>
                </a:cubicBezTo>
                <a:lnTo>
                  <a:pt x="3998503" y="595524"/>
                </a:lnTo>
                <a:lnTo>
                  <a:pt x="3998477" y="595033"/>
                </a:lnTo>
                <a:lnTo>
                  <a:pt x="3997978" y="595066"/>
                </a:lnTo>
                <a:cubicBezTo>
                  <a:pt x="3997412" y="591293"/>
                  <a:pt x="3997385" y="587507"/>
                  <a:pt x="3997385" y="583715"/>
                </a:cubicBezTo>
                <a:cubicBezTo>
                  <a:pt x="3997385" y="578078"/>
                  <a:pt x="3997443" y="572454"/>
                  <a:pt x="3998755" y="566868"/>
                </a:cubicBezTo>
                <a:cubicBezTo>
                  <a:pt x="3998713" y="535786"/>
                  <a:pt x="4001163" y="505143"/>
                  <a:pt x="4006219" y="475137"/>
                </a:cubicBezTo>
                <a:lnTo>
                  <a:pt x="4006760" y="468499"/>
                </a:lnTo>
                <a:cubicBezTo>
                  <a:pt x="4006928" y="468495"/>
                  <a:pt x="4007098" y="468490"/>
                  <a:pt x="4007265" y="468437"/>
                </a:cubicBezTo>
                <a:cubicBezTo>
                  <a:pt x="4033568" y="285283"/>
                  <a:pt x="4123028" y="121703"/>
                  <a:pt x="4254773" y="0"/>
                </a:cubicBezTo>
                <a:close/>
                <a:moveTo>
                  <a:pt x="3180951" y="0"/>
                </a:moveTo>
                <a:lnTo>
                  <a:pt x="3314968" y="0"/>
                </a:lnTo>
                <a:cubicBezTo>
                  <a:pt x="3392864" y="226291"/>
                  <a:pt x="3589453" y="399791"/>
                  <a:pt x="3833505" y="451830"/>
                </a:cubicBezTo>
                <a:cubicBezTo>
                  <a:pt x="3795654" y="260867"/>
                  <a:pt x="3676245" y="98005"/>
                  <a:pt x="3510776" y="0"/>
                </a:cubicBezTo>
                <a:lnTo>
                  <a:pt x="3719484" y="0"/>
                </a:lnTo>
                <a:cubicBezTo>
                  <a:pt x="3851229" y="121703"/>
                  <a:pt x="3940689" y="285283"/>
                  <a:pt x="3966991" y="468437"/>
                </a:cubicBezTo>
                <a:cubicBezTo>
                  <a:pt x="3967159" y="468490"/>
                  <a:pt x="3967328" y="468495"/>
                  <a:pt x="3967497" y="468499"/>
                </a:cubicBezTo>
                <a:lnTo>
                  <a:pt x="3968037" y="475137"/>
                </a:lnTo>
                <a:cubicBezTo>
                  <a:pt x="3973094" y="505143"/>
                  <a:pt x="3975543" y="535786"/>
                  <a:pt x="3975501" y="566868"/>
                </a:cubicBezTo>
                <a:cubicBezTo>
                  <a:pt x="3976813" y="572454"/>
                  <a:pt x="3976872" y="578078"/>
                  <a:pt x="3976872" y="583715"/>
                </a:cubicBezTo>
                <a:cubicBezTo>
                  <a:pt x="3976872" y="587508"/>
                  <a:pt x="3976845" y="591293"/>
                  <a:pt x="3976279" y="595066"/>
                </a:cubicBezTo>
                <a:lnTo>
                  <a:pt x="3975780" y="595033"/>
                </a:lnTo>
                <a:lnTo>
                  <a:pt x="3975754" y="595524"/>
                </a:lnTo>
                <a:lnTo>
                  <a:pt x="3958635" y="593911"/>
                </a:lnTo>
                <a:cubicBezTo>
                  <a:pt x="3926261" y="593388"/>
                  <a:pt x="3894381" y="590430"/>
                  <a:pt x="3863209" y="584920"/>
                </a:cubicBezTo>
                <a:cubicBezTo>
                  <a:pt x="3857632" y="585336"/>
                  <a:pt x="3852303" y="584395"/>
                  <a:pt x="3846992" y="583392"/>
                </a:cubicBezTo>
                <a:lnTo>
                  <a:pt x="3846876" y="582253"/>
                </a:lnTo>
                <a:cubicBezTo>
                  <a:pt x="3525002" y="529393"/>
                  <a:pt x="3265729" y="299826"/>
                  <a:pt x="3180951" y="0"/>
                </a:cubicBezTo>
                <a:close/>
                <a:moveTo>
                  <a:pt x="2562622" y="0"/>
                </a:moveTo>
                <a:lnTo>
                  <a:pt x="2771330" y="0"/>
                </a:lnTo>
                <a:cubicBezTo>
                  <a:pt x="2605861" y="98005"/>
                  <a:pt x="2486452" y="260867"/>
                  <a:pt x="2448601" y="451830"/>
                </a:cubicBezTo>
                <a:cubicBezTo>
                  <a:pt x="2692653" y="399791"/>
                  <a:pt x="2889242" y="226291"/>
                  <a:pt x="2967139" y="0"/>
                </a:cubicBezTo>
                <a:lnTo>
                  <a:pt x="3101155" y="0"/>
                </a:lnTo>
                <a:cubicBezTo>
                  <a:pt x="3016377" y="299826"/>
                  <a:pt x="2757105" y="529393"/>
                  <a:pt x="2435230" y="582253"/>
                </a:cubicBezTo>
                <a:lnTo>
                  <a:pt x="2435113" y="583392"/>
                </a:lnTo>
                <a:cubicBezTo>
                  <a:pt x="2429803" y="584395"/>
                  <a:pt x="2424474" y="585336"/>
                  <a:pt x="2418897" y="584920"/>
                </a:cubicBezTo>
                <a:cubicBezTo>
                  <a:pt x="2387725" y="590430"/>
                  <a:pt x="2355845" y="593388"/>
                  <a:pt x="2323470" y="593911"/>
                </a:cubicBezTo>
                <a:lnTo>
                  <a:pt x="2306352" y="595524"/>
                </a:lnTo>
                <a:lnTo>
                  <a:pt x="2306326" y="595033"/>
                </a:lnTo>
                <a:lnTo>
                  <a:pt x="2305827" y="595066"/>
                </a:lnTo>
                <a:cubicBezTo>
                  <a:pt x="2305261" y="591293"/>
                  <a:pt x="2305234" y="587507"/>
                  <a:pt x="2305234" y="583715"/>
                </a:cubicBezTo>
                <a:cubicBezTo>
                  <a:pt x="2305234" y="578078"/>
                  <a:pt x="2305292" y="572454"/>
                  <a:pt x="2306604" y="566868"/>
                </a:cubicBezTo>
                <a:cubicBezTo>
                  <a:pt x="2306562" y="535786"/>
                  <a:pt x="2309012" y="505143"/>
                  <a:pt x="2314068" y="475137"/>
                </a:cubicBezTo>
                <a:lnTo>
                  <a:pt x="2314609" y="468499"/>
                </a:lnTo>
                <a:cubicBezTo>
                  <a:pt x="2314777" y="468495"/>
                  <a:pt x="2314947" y="468490"/>
                  <a:pt x="2315114" y="468437"/>
                </a:cubicBezTo>
                <a:cubicBezTo>
                  <a:pt x="2341417" y="285283"/>
                  <a:pt x="2430877" y="121704"/>
                  <a:pt x="2562622" y="0"/>
                </a:cubicBezTo>
                <a:close/>
                <a:moveTo>
                  <a:pt x="1488800" y="0"/>
                </a:moveTo>
                <a:lnTo>
                  <a:pt x="1622816" y="0"/>
                </a:lnTo>
                <a:cubicBezTo>
                  <a:pt x="1700712" y="226290"/>
                  <a:pt x="1897302" y="399791"/>
                  <a:pt x="2141354" y="451830"/>
                </a:cubicBezTo>
                <a:cubicBezTo>
                  <a:pt x="2103503" y="260867"/>
                  <a:pt x="1984094" y="98005"/>
                  <a:pt x="1818624" y="0"/>
                </a:cubicBezTo>
                <a:lnTo>
                  <a:pt x="2027333" y="0"/>
                </a:lnTo>
                <a:cubicBezTo>
                  <a:pt x="2159078" y="121703"/>
                  <a:pt x="2248538" y="285283"/>
                  <a:pt x="2274840" y="468437"/>
                </a:cubicBezTo>
                <a:cubicBezTo>
                  <a:pt x="2275008" y="468490"/>
                  <a:pt x="2275177" y="468495"/>
                  <a:pt x="2275346" y="468500"/>
                </a:cubicBezTo>
                <a:lnTo>
                  <a:pt x="2275886" y="475137"/>
                </a:lnTo>
                <a:cubicBezTo>
                  <a:pt x="2280943" y="505143"/>
                  <a:pt x="2283392" y="535786"/>
                  <a:pt x="2283350" y="566868"/>
                </a:cubicBezTo>
                <a:cubicBezTo>
                  <a:pt x="2284662" y="572454"/>
                  <a:pt x="2284721" y="578078"/>
                  <a:pt x="2284721" y="583715"/>
                </a:cubicBezTo>
                <a:cubicBezTo>
                  <a:pt x="2284721" y="587508"/>
                  <a:pt x="2284694" y="591293"/>
                  <a:pt x="2284128" y="595066"/>
                </a:cubicBezTo>
                <a:lnTo>
                  <a:pt x="2283629" y="595033"/>
                </a:lnTo>
                <a:lnTo>
                  <a:pt x="2283603" y="595524"/>
                </a:lnTo>
                <a:lnTo>
                  <a:pt x="2266484" y="593911"/>
                </a:lnTo>
                <a:cubicBezTo>
                  <a:pt x="2234110" y="593388"/>
                  <a:pt x="2202230" y="590430"/>
                  <a:pt x="2171058" y="584920"/>
                </a:cubicBezTo>
                <a:cubicBezTo>
                  <a:pt x="2165481" y="585336"/>
                  <a:pt x="2160152" y="584395"/>
                  <a:pt x="2154841" y="583392"/>
                </a:cubicBezTo>
                <a:lnTo>
                  <a:pt x="2154725" y="582253"/>
                </a:lnTo>
                <a:cubicBezTo>
                  <a:pt x="1832850" y="529393"/>
                  <a:pt x="1573578" y="299826"/>
                  <a:pt x="1488800" y="0"/>
                </a:cubicBezTo>
                <a:close/>
                <a:moveTo>
                  <a:pt x="870471" y="0"/>
                </a:moveTo>
                <a:lnTo>
                  <a:pt x="1079179" y="0"/>
                </a:lnTo>
                <a:cubicBezTo>
                  <a:pt x="913710" y="98005"/>
                  <a:pt x="794301" y="260867"/>
                  <a:pt x="756450" y="451830"/>
                </a:cubicBezTo>
                <a:cubicBezTo>
                  <a:pt x="1000502" y="399791"/>
                  <a:pt x="1197091" y="226291"/>
                  <a:pt x="1274988" y="0"/>
                </a:cubicBezTo>
                <a:lnTo>
                  <a:pt x="1409004" y="0"/>
                </a:lnTo>
                <a:cubicBezTo>
                  <a:pt x="1324226" y="299826"/>
                  <a:pt x="1064954" y="529393"/>
                  <a:pt x="743078" y="582253"/>
                </a:cubicBezTo>
                <a:lnTo>
                  <a:pt x="742962" y="583392"/>
                </a:lnTo>
                <a:cubicBezTo>
                  <a:pt x="737652" y="584395"/>
                  <a:pt x="732323" y="585336"/>
                  <a:pt x="726746" y="584920"/>
                </a:cubicBezTo>
                <a:cubicBezTo>
                  <a:pt x="695574" y="590430"/>
                  <a:pt x="663693" y="593388"/>
                  <a:pt x="631319" y="593911"/>
                </a:cubicBezTo>
                <a:lnTo>
                  <a:pt x="614201" y="595524"/>
                </a:lnTo>
                <a:lnTo>
                  <a:pt x="614175" y="595033"/>
                </a:lnTo>
                <a:lnTo>
                  <a:pt x="613676" y="595066"/>
                </a:lnTo>
                <a:cubicBezTo>
                  <a:pt x="613110" y="591293"/>
                  <a:pt x="613083" y="587507"/>
                  <a:pt x="613083" y="583715"/>
                </a:cubicBezTo>
                <a:cubicBezTo>
                  <a:pt x="613083" y="578078"/>
                  <a:pt x="613141" y="572454"/>
                  <a:pt x="614453" y="566868"/>
                </a:cubicBezTo>
                <a:cubicBezTo>
                  <a:pt x="614411" y="535786"/>
                  <a:pt x="616861" y="505143"/>
                  <a:pt x="621918" y="475137"/>
                </a:cubicBezTo>
                <a:lnTo>
                  <a:pt x="622458" y="468499"/>
                </a:lnTo>
                <a:cubicBezTo>
                  <a:pt x="622626" y="468495"/>
                  <a:pt x="622796" y="468490"/>
                  <a:pt x="622963" y="468437"/>
                </a:cubicBezTo>
                <a:cubicBezTo>
                  <a:pt x="649266" y="285283"/>
                  <a:pt x="738726" y="121703"/>
                  <a:pt x="870471" y="0"/>
                </a:cubicBezTo>
                <a:close/>
                <a:moveTo>
                  <a:pt x="126374" y="0"/>
                </a:moveTo>
                <a:lnTo>
                  <a:pt x="334376" y="0"/>
                </a:lnTo>
                <a:cubicBezTo>
                  <a:pt x="466684" y="121261"/>
                  <a:pt x="556352" y="285035"/>
                  <a:pt x="582690" y="468437"/>
                </a:cubicBezTo>
                <a:cubicBezTo>
                  <a:pt x="582857" y="468490"/>
                  <a:pt x="583026" y="468495"/>
                  <a:pt x="583195" y="468499"/>
                </a:cubicBezTo>
                <a:lnTo>
                  <a:pt x="583735" y="475137"/>
                </a:lnTo>
                <a:cubicBezTo>
                  <a:pt x="588792" y="505143"/>
                  <a:pt x="591242" y="535786"/>
                  <a:pt x="591199" y="566868"/>
                </a:cubicBezTo>
                <a:cubicBezTo>
                  <a:pt x="592511" y="572454"/>
                  <a:pt x="592570" y="578078"/>
                  <a:pt x="592570" y="583715"/>
                </a:cubicBezTo>
                <a:cubicBezTo>
                  <a:pt x="592570" y="587507"/>
                  <a:pt x="592543" y="591293"/>
                  <a:pt x="591977" y="595066"/>
                </a:cubicBezTo>
                <a:lnTo>
                  <a:pt x="591478" y="595033"/>
                </a:lnTo>
                <a:lnTo>
                  <a:pt x="591452" y="595524"/>
                </a:lnTo>
                <a:lnTo>
                  <a:pt x="574334" y="593911"/>
                </a:lnTo>
                <a:cubicBezTo>
                  <a:pt x="541959" y="593388"/>
                  <a:pt x="510079" y="590430"/>
                  <a:pt x="478907" y="584920"/>
                </a:cubicBezTo>
                <a:cubicBezTo>
                  <a:pt x="473330" y="585336"/>
                  <a:pt x="468001" y="584395"/>
                  <a:pt x="462690" y="583392"/>
                </a:cubicBezTo>
                <a:lnTo>
                  <a:pt x="462574" y="582253"/>
                </a:lnTo>
                <a:cubicBezTo>
                  <a:pt x="282200" y="552631"/>
                  <a:pt x="121485" y="467518"/>
                  <a:pt x="0" y="345575"/>
                </a:cubicBezTo>
                <a:lnTo>
                  <a:pt x="0" y="140406"/>
                </a:lnTo>
                <a:cubicBezTo>
                  <a:pt x="97584" y="296912"/>
                  <a:pt x="258975" y="411268"/>
                  <a:pt x="449203" y="451830"/>
                </a:cubicBezTo>
                <a:cubicBezTo>
                  <a:pt x="411344" y="260824"/>
                  <a:pt x="291889" y="97931"/>
                  <a:pt x="126374" y="0"/>
                </a:cubicBez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457438" y="4961285"/>
            <a:ext cx="7776448" cy="1463379"/>
          </a:xfrm>
        </p:spPr>
        <p:txBody>
          <a:bodyPr anchor="ctr">
            <a:normAutofit/>
          </a:bodyPr>
          <a:lstStyle>
            <a:lvl1pPr algn="r">
              <a:defRPr sz="5001" spc="200" baseline="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8615085" y="4961285"/>
            <a:ext cx="3202067" cy="1463379"/>
          </a:xfrm>
        </p:spPr>
        <p:txBody>
          <a:bodyPr lIns="91440" rIns="91440" anchor="ctr">
            <a:norm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tx1">
                    <a:lumMod val="95000"/>
                    <a:lumOff val="5000"/>
                  </a:schemeClr>
                </a:solidFill>
              </a:defRPr>
            </a:lvl1pPr>
            <a:lvl2pPr marL="457291" indent="0" algn="ctr">
              <a:buNone/>
              <a:defRPr sz="1800"/>
            </a:lvl2pPr>
            <a:lvl3pPr marL="914583" indent="0" algn="ctr">
              <a:buNone/>
              <a:defRPr sz="1800"/>
            </a:lvl3pPr>
            <a:lvl4pPr marL="1371874" indent="0" algn="ctr">
              <a:buNone/>
              <a:defRPr sz="1800"/>
            </a:lvl4pPr>
            <a:lvl5pPr marL="1829166" indent="0" algn="ctr">
              <a:buNone/>
              <a:defRPr sz="1800"/>
            </a:lvl5pPr>
            <a:lvl6pPr marL="2286457" indent="0" algn="ctr">
              <a:buNone/>
              <a:defRPr sz="1800"/>
            </a:lvl6pPr>
            <a:lvl7pPr marL="2743749" indent="0" algn="ctr">
              <a:buNone/>
              <a:defRPr sz="1800"/>
            </a:lvl7pPr>
            <a:lvl8pPr marL="3201040" indent="0" algn="ctr">
              <a:buNone/>
              <a:defRPr sz="1800"/>
            </a:lvl8pPr>
            <a:lvl9pPr marL="3658332" indent="0" algn="ctr">
              <a:buNone/>
              <a:defRPr sz="1800"/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algn="l">
              <a:defRPr/>
            </a:lvl1pPr>
          </a:lstStyle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  <p:cxnSp>
        <p:nvCxnSpPr>
          <p:cNvPr id="8" name="Straight Connector 7"/>
          <p:cNvCxnSpPr/>
          <p:nvPr/>
        </p:nvCxnSpPr>
        <p:spPr>
          <a:xfrm flipV="1">
            <a:off x="8391211" y="5265325"/>
            <a:ext cx="0" cy="914612"/>
          </a:xfrm>
          <a:prstGeom prst="line">
            <a:avLst/>
          </a:prstGeom>
          <a:ln w="190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23424284"/>
      </p:ext>
    </p:extLst>
  </p:cSld>
  <p:clrMapOvr>
    <a:masterClrMapping/>
  </p:clrMapOvr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30921975"/>
      </p:ext>
    </p:extLst>
  </p:cSld>
  <p:clrMapOvr>
    <a:masterClrMapping/>
  </p:clrMapOvr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/>
          <p:cNvSpPr/>
          <p:nvPr/>
        </p:nvSpPr>
        <p:spPr>
          <a:xfrm>
            <a:off x="0" y="0"/>
            <a:ext cx="12198350" cy="4573060"/>
          </a:xfrm>
          <a:prstGeom prst="rect">
            <a:avLst/>
          </a:prstGeom>
          <a:solidFill>
            <a:schemeClr val="accent3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11" name="Oval 5"/>
          <p:cNvSpPr/>
          <p:nvPr/>
        </p:nvSpPr>
        <p:spPr>
          <a:xfrm>
            <a:off x="-1" y="0"/>
            <a:ext cx="12198350" cy="4573060"/>
          </a:xfrm>
          <a:custGeom>
            <a:avLst/>
            <a:gdLst/>
            <a:ahLst/>
            <a:cxnLst/>
            <a:rect l="l" t="t" r="r" b="b"/>
            <a:pathLst>
              <a:path w="12192000" h="4572001">
                <a:moveTo>
                  <a:pt x="12192000" y="4387986"/>
                </a:moveTo>
                <a:lnTo>
                  <a:pt x="12192000" y="4572001"/>
                </a:lnTo>
                <a:lnTo>
                  <a:pt x="12013927" y="4572001"/>
                </a:lnTo>
                <a:cubicBezTo>
                  <a:pt x="12084901" y="4522707"/>
                  <a:pt x="12145198" y="4460004"/>
                  <a:pt x="12192000" y="4387986"/>
                </a:cubicBezTo>
                <a:close/>
                <a:moveTo>
                  <a:pt x="12192000" y="4041440"/>
                </a:moveTo>
                <a:lnTo>
                  <a:pt x="12192000" y="4174488"/>
                </a:lnTo>
                <a:cubicBezTo>
                  <a:pt x="12005469" y="4244657"/>
                  <a:pt x="11857227" y="4389538"/>
                  <a:pt x="11786673" y="4572001"/>
                </a:cubicBezTo>
                <a:lnTo>
                  <a:pt x="11649784" y="4572001"/>
                </a:lnTo>
                <a:cubicBezTo>
                  <a:pt x="11730542" y="4320085"/>
                  <a:pt x="11933879" y="4121396"/>
                  <a:pt x="12192000" y="4041440"/>
                </a:cubicBezTo>
                <a:close/>
                <a:moveTo>
                  <a:pt x="10767111" y="3999419"/>
                </a:moveTo>
                <a:lnTo>
                  <a:pt x="10784198" y="4001042"/>
                </a:lnTo>
                <a:cubicBezTo>
                  <a:pt x="10816584" y="4001569"/>
                  <a:pt x="10848477" y="4004550"/>
                  <a:pt x="10879660" y="4010107"/>
                </a:cubicBezTo>
                <a:cubicBezTo>
                  <a:pt x="10885236" y="4009688"/>
                  <a:pt x="10890564" y="4010636"/>
                  <a:pt x="10895873" y="4011646"/>
                </a:cubicBezTo>
                <a:lnTo>
                  <a:pt x="10895990" y="4012794"/>
                </a:lnTo>
                <a:cubicBezTo>
                  <a:pt x="11208069" y="4064450"/>
                  <a:pt x="11461298" y="4283539"/>
                  <a:pt x="11554662" y="4572001"/>
                </a:cubicBezTo>
                <a:lnTo>
                  <a:pt x="11417114" y="4572001"/>
                </a:lnTo>
                <a:cubicBezTo>
                  <a:pt x="11333731" y="4357380"/>
                  <a:pt x="11143362" y="4194541"/>
                  <a:pt x="10909360" y="4144250"/>
                </a:cubicBezTo>
                <a:cubicBezTo>
                  <a:pt x="10943854" y="4319651"/>
                  <a:pt x="11046077" y="4471530"/>
                  <a:pt x="11189175" y="4572001"/>
                </a:cubicBezTo>
                <a:lnTo>
                  <a:pt x="10994934" y="4572001"/>
                </a:lnTo>
                <a:cubicBezTo>
                  <a:pt x="10878802" y="4452596"/>
                  <a:pt x="10800240" y="4298519"/>
                  <a:pt x="10775875" y="4127511"/>
                </a:cubicBezTo>
                <a:cubicBezTo>
                  <a:pt x="10775707" y="4127458"/>
                  <a:pt x="10775539" y="4127453"/>
                  <a:pt x="10775369" y="4127448"/>
                </a:cubicBezTo>
                <a:lnTo>
                  <a:pt x="10774831" y="4120772"/>
                </a:lnTo>
                <a:cubicBezTo>
                  <a:pt x="10769772" y="4090522"/>
                  <a:pt x="10767321" y="4059631"/>
                  <a:pt x="10767364" y="4028296"/>
                </a:cubicBezTo>
                <a:cubicBezTo>
                  <a:pt x="10766052" y="4022668"/>
                  <a:pt x="10765993" y="4017001"/>
                  <a:pt x="10765993" y="4011320"/>
                </a:cubicBezTo>
                <a:lnTo>
                  <a:pt x="10766587" y="3999880"/>
                </a:lnTo>
                <a:lnTo>
                  <a:pt x="10767085" y="3999913"/>
                </a:lnTo>
                <a:close/>
                <a:moveTo>
                  <a:pt x="10744358" y="3999419"/>
                </a:moveTo>
                <a:lnTo>
                  <a:pt x="10744384" y="3999913"/>
                </a:lnTo>
                <a:lnTo>
                  <a:pt x="10744882" y="3999880"/>
                </a:lnTo>
                <a:lnTo>
                  <a:pt x="10745476" y="4011320"/>
                </a:lnTo>
                <a:cubicBezTo>
                  <a:pt x="10745476" y="4017001"/>
                  <a:pt x="10745417" y="4022668"/>
                  <a:pt x="10744105" y="4028296"/>
                </a:cubicBezTo>
                <a:cubicBezTo>
                  <a:pt x="10744148" y="4059631"/>
                  <a:pt x="10741697" y="4090522"/>
                  <a:pt x="10736638" y="4120772"/>
                </a:cubicBezTo>
                <a:lnTo>
                  <a:pt x="10736100" y="4127448"/>
                </a:lnTo>
                <a:cubicBezTo>
                  <a:pt x="10735930" y="4127453"/>
                  <a:pt x="10735762" y="4127458"/>
                  <a:pt x="10735594" y="4127511"/>
                </a:cubicBezTo>
                <a:cubicBezTo>
                  <a:pt x="10711229" y="4298519"/>
                  <a:pt x="10632667" y="4452596"/>
                  <a:pt x="10516535" y="4572001"/>
                </a:cubicBezTo>
                <a:lnTo>
                  <a:pt x="10322294" y="4572001"/>
                </a:lnTo>
                <a:cubicBezTo>
                  <a:pt x="10465392" y="4471530"/>
                  <a:pt x="10567615" y="4319650"/>
                  <a:pt x="10602109" y="4144250"/>
                </a:cubicBezTo>
                <a:cubicBezTo>
                  <a:pt x="10368107" y="4194541"/>
                  <a:pt x="10177738" y="4357380"/>
                  <a:pt x="10094355" y="4572001"/>
                </a:cubicBezTo>
                <a:lnTo>
                  <a:pt x="9956808" y="4572001"/>
                </a:lnTo>
                <a:cubicBezTo>
                  <a:pt x="10050171" y="4283539"/>
                  <a:pt x="10303400" y="4064450"/>
                  <a:pt x="10615479" y="4012794"/>
                </a:cubicBezTo>
                <a:lnTo>
                  <a:pt x="10615596" y="4011646"/>
                </a:lnTo>
                <a:cubicBezTo>
                  <a:pt x="10620905" y="4010636"/>
                  <a:pt x="10626233" y="4009688"/>
                  <a:pt x="10631809" y="4010107"/>
                </a:cubicBezTo>
                <a:cubicBezTo>
                  <a:pt x="10662992" y="4004550"/>
                  <a:pt x="10694885" y="4001569"/>
                  <a:pt x="10727271" y="4001042"/>
                </a:cubicBezTo>
                <a:close/>
                <a:moveTo>
                  <a:pt x="9074958" y="3999419"/>
                </a:moveTo>
                <a:lnTo>
                  <a:pt x="9092045" y="4001042"/>
                </a:lnTo>
                <a:cubicBezTo>
                  <a:pt x="9124431" y="4001569"/>
                  <a:pt x="9156324" y="4004550"/>
                  <a:pt x="9187507" y="4010107"/>
                </a:cubicBezTo>
                <a:cubicBezTo>
                  <a:pt x="9193083" y="4009688"/>
                  <a:pt x="9198411" y="4010636"/>
                  <a:pt x="9203720" y="4011646"/>
                </a:cubicBezTo>
                <a:lnTo>
                  <a:pt x="9203837" y="4012794"/>
                </a:lnTo>
                <a:cubicBezTo>
                  <a:pt x="9515916" y="4064450"/>
                  <a:pt x="9769145" y="4283539"/>
                  <a:pt x="9862508" y="4572001"/>
                </a:cubicBezTo>
                <a:lnTo>
                  <a:pt x="9724961" y="4572001"/>
                </a:lnTo>
                <a:cubicBezTo>
                  <a:pt x="9641578" y="4357380"/>
                  <a:pt x="9451209" y="4194541"/>
                  <a:pt x="9217207" y="4144250"/>
                </a:cubicBezTo>
                <a:cubicBezTo>
                  <a:pt x="9251701" y="4319651"/>
                  <a:pt x="9353924" y="4471530"/>
                  <a:pt x="9497022" y="4572001"/>
                </a:cubicBezTo>
                <a:lnTo>
                  <a:pt x="9302781" y="4572001"/>
                </a:lnTo>
                <a:cubicBezTo>
                  <a:pt x="9186649" y="4452596"/>
                  <a:pt x="9108087" y="4298519"/>
                  <a:pt x="9083722" y="4127511"/>
                </a:cubicBezTo>
                <a:cubicBezTo>
                  <a:pt x="9083554" y="4127458"/>
                  <a:pt x="9083386" y="4127453"/>
                  <a:pt x="9083216" y="4127448"/>
                </a:cubicBezTo>
                <a:lnTo>
                  <a:pt x="9082678" y="4120772"/>
                </a:lnTo>
                <a:cubicBezTo>
                  <a:pt x="9077619" y="4090522"/>
                  <a:pt x="9075168" y="4059631"/>
                  <a:pt x="9075211" y="4028296"/>
                </a:cubicBezTo>
                <a:cubicBezTo>
                  <a:pt x="9073899" y="4022668"/>
                  <a:pt x="9073840" y="4017001"/>
                  <a:pt x="9073840" y="4011320"/>
                </a:cubicBezTo>
                <a:lnTo>
                  <a:pt x="9074434" y="3999880"/>
                </a:lnTo>
                <a:lnTo>
                  <a:pt x="9074932" y="3999913"/>
                </a:lnTo>
                <a:close/>
                <a:moveTo>
                  <a:pt x="9052207" y="3999419"/>
                </a:moveTo>
                <a:lnTo>
                  <a:pt x="9052233" y="3999913"/>
                </a:lnTo>
                <a:lnTo>
                  <a:pt x="9052731" y="3999880"/>
                </a:lnTo>
                <a:lnTo>
                  <a:pt x="9053325" y="4011320"/>
                </a:lnTo>
                <a:cubicBezTo>
                  <a:pt x="9053325" y="4017001"/>
                  <a:pt x="9053266" y="4022668"/>
                  <a:pt x="9051954" y="4028296"/>
                </a:cubicBezTo>
                <a:cubicBezTo>
                  <a:pt x="9051997" y="4059631"/>
                  <a:pt x="9049546" y="4090522"/>
                  <a:pt x="9044487" y="4120772"/>
                </a:cubicBezTo>
                <a:lnTo>
                  <a:pt x="9043949" y="4127448"/>
                </a:lnTo>
                <a:cubicBezTo>
                  <a:pt x="9043779" y="4127453"/>
                  <a:pt x="9043611" y="4127458"/>
                  <a:pt x="9043443" y="4127511"/>
                </a:cubicBezTo>
                <a:cubicBezTo>
                  <a:pt x="9019078" y="4298519"/>
                  <a:pt x="8940516" y="4452596"/>
                  <a:pt x="8824384" y="4572001"/>
                </a:cubicBezTo>
                <a:lnTo>
                  <a:pt x="8630143" y="4572001"/>
                </a:lnTo>
                <a:cubicBezTo>
                  <a:pt x="8773241" y="4471530"/>
                  <a:pt x="8875464" y="4319651"/>
                  <a:pt x="8909958" y="4144250"/>
                </a:cubicBezTo>
                <a:cubicBezTo>
                  <a:pt x="8675956" y="4194541"/>
                  <a:pt x="8485587" y="4357380"/>
                  <a:pt x="8402204" y="4572001"/>
                </a:cubicBezTo>
                <a:lnTo>
                  <a:pt x="8264656" y="4572001"/>
                </a:lnTo>
                <a:cubicBezTo>
                  <a:pt x="8358019" y="4283539"/>
                  <a:pt x="8611249" y="4064450"/>
                  <a:pt x="8923328" y="4012794"/>
                </a:cubicBezTo>
                <a:lnTo>
                  <a:pt x="8923445" y="4011646"/>
                </a:lnTo>
                <a:cubicBezTo>
                  <a:pt x="8928754" y="4010636"/>
                  <a:pt x="8934082" y="4009688"/>
                  <a:pt x="8939658" y="4010107"/>
                </a:cubicBezTo>
                <a:cubicBezTo>
                  <a:pt x="8970841" y="4004550"/>
                  <a:pt x="9002734" y="4001569"/>
                  <a:pt x="9035120" y="4001042"/>
                </a:cubicBezTo>
                <a:close/>
                <a:moveTo>
                  <a:pt x="7382807" y="3999419"/>
                </a:moveTo>
                <a:lnTo>
                  <a:pt x="7399895" y="4001042"/>
                </a:lnTo>
                <a:cubicBezTo>
                  <a:pt x="7432280" y="4001569"/>
                  <a:pt x="7464173" y="4004550"/>
                  <a:pt x="7495356" y="4010107"/>
                </a:cubicBezTo>
                <a:cubicBezTo>
                  <a:pt x="7500932" y="4009688"/>
                  <a:pt x="7506260" y="4010636"/>
                  <a:pt x="7511569" y="4011646"/>
                </a:cubicBezTo>
                <a:lnTo>
                  <a:pt x="7511686" y="4012794"/>
                </a:lnTo>
                <a:cubicBezTo>
                  <a:pt x="7823765" y="4064450"/>
                  <a:pt x="8076994" y="4283539"/>
                  <a:pt x="8170358" y="4572001"/>
                </a:cubicBezTo>
                <a:lnTo>
                  <a:pt x="8032809" y="4572001"/>
                </a:lnTo>
                <a:cubicBezTo>
                  <a:pt x="7949426" y="4357380"/>
                  <a:pt x="7759058" y="4194541"/>
                  <a:pt x="7525056" y="4144250"/>
                </a:cubicBezTo>
                <a:cubicBezTo>
                  <a:pt x="7559550" y="4319650"/>
                  <a:pt x="7661773" y="4471530"/>
                  <a:pt x="7804870" y="4572001"/>
                </a:cubicBezTo>
                <a:lnTo>
                  <a:pt x="7610630" y="4572001"/>
                </a:lnTo>
                <a:cubicBezTo>
                  <a:pt x="7494498" y="4452596"/>
                  <a:pt x="7415935" y="4298519"/>
                  <a:pt x="7391571" y="4127511"/>
                </a:cubicBezTo>
                <a:cubicBezTo>
                  <a:pt x="7391403" y="4127458"/>
                  <a:pt x="7391235" y="4127453"/>
                  <a:pt x="7391065" y="4127448"/>
                </a:cubicBezTo>
                <a:lnTo>
                  <a:pt x="7390527" y="4120772"/>
                </a:lnTo>
                <a:cubicBezTo>
                  <a:pt x="7385468" y="4090522"/>
                  <a:pt x="7383018" y="4059631"/>
                  <a:pt x="7383060" y="4028296"/>
                </a:cubicBezTo>
                <a:cubicBezTo>
                  <a:pt x="7381748" y="4022668"/>
                  <a:pt x="7381689" y="4017001"/>
                  <a:pt x="7381689" y="4011320"/>
                </a:cubicBezTo>
                <a:lnTo>
                  <a:pt x="7382283" y="3999880"/>
                </a:lnTo>
                <a:lnTo>
                  <a:pt x="7382781" y="3999913"/>
                </a:lnTo>
                <a:close/>
                <a:moveTo>
                  <a:pt x="7360056" y="3999419"/>
                </a:moveTo>
                <a:lnTo>
                  <a:pt x="7360082" y="3999913"/>
                </a:lnTo>
                <a:lnTo>
                  <a:pt x="7360580" y="3999880"/>
                </a:lnTo>
                <a:lnTo>
                  <a:pt x="7361174" y="4011320"/>
                </a:lnTo>
                <a:cubicBezTo>
                  <a:pt x="7361174" y="4017001"/>
                  <a:pt x="7361115" y="4022668"/>
                  <a:pt x="7359803" y="4028296"/>
                </a:cubicBezTo>
                <a:cubicBezTo>
                  <a:pt x="7359845" y="4059631"/>
                  <a:pt x="7357395" y="4090522"/>
                  <a:pt x="7352336" y="4120772"/>
                </a:cubicBezTo>
                <a:lnTo>
                  <a:pt x="7351798" y="4127448"/>
                </a:lnTo>
                <a:cubicBezTo>
                  <a:pt x="7351628" y="4127453"/>
                  <a:pt x="7351460" y="4127458"/>
                  <a:pt x="7351292" y="4127511"/>
                </a:cubicBezTo>
                <a:cubicBezTo>
                  <a:pt x="7326927" y="4298519"/>
                  <a:pt x="7248364" y="4452596"/>
                  <a:pt x="7132233" y="4572001"/>
                </a:cubicBezTo>
                <a:lnTo>
                  <a:pt x="6937992" y="4572001"/>
                </a:lnTo>
                <a:cubicBezTo>
                  <a:pt x="7081090" y="4471530"/>
                  <a:pt x="7183313" y="4319650"/>
                  <a:pt x="7217807" y="4144250"/>
                </a:cubicBezTo>
                <a:cubicBezTo>
                  <a:pt x="6983804" y="4194541"/>
                  <a:pt x="6793436" y="4357380"/>
                  <a:pt x="6710053" y="4572001"/>
                </a:cubicBezTo>
                <a:lnTo>
                  <a:pt x="6572505" y="4572001"/>
                </a:lnTo>
                <a:cubicBezTo>
                  <a:pt x="6665868" y="4283539"/>
                  <a:pt x="6919098" y="4064450"/>
                  <a:pt x="7231177" y="4012794"/>
                </a:cubicBezTo>
                <a:lnTo>
                  <a:pt x="7231294" y="4011646"/>
                </a:lnTo>
                <a:cubicBezTo>
                  <a:pt x="7236603" y="4010636"/>
                  <a:pt x="7241931" y="4009688"/>
                  <a:pt x="7247507" y="4010107"/>
                </a:cubicBezTo>
                <a:cubicBezTo>
                  <a:pt x="7278690" y="4004550"/>
                  <a:pt x="7310583" y="4001569"/>
                  <a:pt x="7342968" y="4001042"/>
                </a:cubicBezTo>
                <a:close/>
                <a:moveTo>
                  <a:pt x="5690656" y="3999419"/>
                </a:moveTo>
                <a:lnTo>
                  <a:pt x="5707743" y="4001042"/>
                </a:lnTo>
                <a:cubicBezTo>
                  <a:pt x="5740129" y="4001569"/>
                  <a:pt x="5772021" y="4004550"/>
                  <a:pt x="5803205" y="4010107"/>
                </a:cubicBezTo>
                <a:cubicBezTo>
                  <a:pt x="5808781" y="4009688"/>
                  <a:pt x="5814109" y="4010636"/>
                  <a:pt x="5819417" y="4011646"/>
                </a:cubicBezTo>
                <a:lnTo>
                  <a:pt x="5819534" y="4012794"/>
                </a:lnTo>
                <a:cubicBezTo>
                  <a:pt x="6131614" y="4064450"/>
                  <a:pt x="6384843" y="4283539"/>
                  <a:pt x="6478206" y="4572001"/>
                </a:cubicBezTo>
                <a:lnTo>
                  <a:pt x="6340658" y="4572001"/>
                </a:lnTo>
                <a:cubicBezTo>
                  <a:pt x="6257275" y="4357380"/>
                  <a:pt x="6066907" y="4194541"/>
                  <a:pt x="5832905" y="4144250"/>
                </a:cubicBezTo>
                <a:cubicBezTo>
                  <a:pt x="5867399" y="4319651"/>
                  <a:pt x="5969622" y="4471530"/>
                  <a:pt x="6112719" y="4572001"/>
                </a:cubicBezTo>
                <a:lnTo>
                  <a:pt x="5918478" y="4572001"/>
                </a:lnTo>
                <a:cubicBezTo>
                  <a:pt x="5802347" y="4452596"/>
                  <a:pt x="5723784" y="4298519"/>
                  <a:pt x="5699419" y="4127511"/>
                </a:cubicBezTo>
                <a:cubicBezTo>
                  <a:pt x="5699252" y="4127458"/>
                  <a:pt x="5699083" y="4127453"/>
                  <a:pt x="5698914" y="4127448"/>
                </a:cubicBezTo>
                <a:lnTo>
                  <a:pt x="5698375" y="4120772"/>
                </a:lnTo>
                <a:cubicBezTo>
                  <a:pt x="5693317" y="4090522"/>
                  <a:pt x="5690866" y="4059631"/>
                  <a:pt x="5690908" y="4028296"/>
                </a:cubicBezTo>
                <a:cubicBezTo>
                  <a:pt x="5689596" y="4022668"/>
                  <a:pt x="5689538" y="4017001"/>
                  <a:pt x="5689538" y="4011320"/>
                </a:cubicBezTo>
                <a:lnTo>
                  <a:pt x="5690132" y="3999880"/>
                </a:lnTo>
                <a:lnTo>
                  <a:pt x="5690630" y="3999913"/>
                </a:lnTo>
                <a:close/>
                <a:moveTo>
                  <a:pt x="5667905" y="3999419"/>
                </a:moveTo>
                <a:lnTo>
                  <a:pt x="5667931" y="3999913"/>
                </a:lnTo>
                <a:lnTo>
                  <a:pt x="5668429" y="3999880"/>
                </a:lnTo>
                <a:lnTo>
                  <a:pt x="5669023" y="4011320"/>
                </a:lnTo>
                <a:cubicBezTo>
                  <a:pt x="5669023" y="4017001"/>
                  <a:pt x="5668964" y="4022668"/>
                  <a:pt x="5667652" y="4028296"/>
                </a:cubicBezTo>
                <a:cubicBezTo>
                  <a:pt x="5667694" y="4059631"/>
                  <a:pt x="5665244" y="4090522"/>
                  <a:pt x="5660185" y="4120772"/>
                </a:cubicBezTo>
                <a:lnTo>
                  <a:pt x="5659647" y="4127448"/>
                </a:lnTo>
                <a:cubicBezTo>
                  <a:pt x="5659477" y="4127453"/>
                  <a:pt x="5659309" y="4127458"/>
                  <a:pt x="5659141" y="4127511"/>
                </a:cubicBezTo>
                <a:cubicBezTo>
                  <a:pt x="5634776" y="4298519"/>
                  <a:pt x="5556213" y="4452596"/>
                  <a:pt x="5440082" y="4572001"/>
                </a:cubicBezTo>
                <a:lnTo>
                  <a:pt x="5245841" y="4572001"/>
                </a:lnTo>
                <a:cubicBezTo>
                  <a:pt x="5388939" y="4471530"/>
                  <a:pt x="5491162" y="4319651"/>
                  <a:pt x="5525656" y="4144250"/>
                </a:cubicBezTo>
                <a:cubicBezTo>
                  <a:pt x="5291653" y="4194541"/>
                  <a:pt x="5101285" y="4357380"/>
                  <a:pt x="5017902" y="4572001"/>
                </a:cubicBezTo>
                <a:lnTo>
                  <a:pt x="4880354" y="4572001"/>
                </a:lnTo>
                <a:cubicBezTo>
                  <a:pt x="4973717" y="4283539"/>
                  <a:pt x="5226947" y="4064450"/>
                  <a:pt x="5539026" y="4012794"/>
                </a:cubicBezTo>
                <a:lnTo>
                  <a:pt x="5539143" y="4011646"/>
                </a:lnTo>
                <a:cubicBezTo>
                  <a:pt x="5544452" y="4010636"/>
                  <a:pt x="5549780" y="4009688"/>
                  <a:pt x="5555356" y="4010107"/>
                </a:cubicBezTo>
                <a:cubicBezTo>
                  <a:pt x="5586539" y="4004550"/>
                  <a:pt x="5618432" y="4001569"/>
                  <a:pt x="5650817" y="4001042"/>
                </a:cubicBezTo>
                <a:close/>
                <a:moveTo>
                  <a:pt x="3998505" y="3999419"/>
                </a:moveTo>
                <a:lnTo>
                  <a:pt x="4015592" y="4001042"/>
                </a:lnTo>
                <a:cubicBezTo>
                  <a:pt x="4047978" y="4001569"/>
                  <a:pt x="4079870" y="4004550"/>
                  <a:pt x="4111054" y="4010107"/>
                </a:cubicBezTo>
                <a:cubicBezTo>
                  <a:pt x="4116630" y="4009688"/>
                  <a:pt x="4121958" y="4010636"/>
                  <a:pt x="4127266" y="4011646"/>
                </a:cubicBezTo>
                <a:lnTo>
                  <a:pt x="4127384" y="4012794"/>
                </a:lnTo>
                <a:cubicBezTo>
                  <a:pt x="4439463" y="4064450"/>
                  <a:pt x="4692692" y="4283539"/>
                  <a:pt x="4786055" y="4572001"/>
                </a:cubicBezTo>
                <a:lnTo>
                  <a:pt x="4648508" y="4572001"/>
                </a:lnTo>
                <a:cubicBezTo>
                  <a:pt x="4565124" y="4357380"/>
                  <a:pt x="4374756" y="4194541"/>
                  <a:pt x="4140754" y="4144250"/>
                </a:cubicBezTo>
                <a:cubicBezTo>
                  <a:pt x="4175248" y="4319650"/>
                  <a:pt x="4277471" y="4471530"/>
                  <a:pt x="4420568" y="4572001"/>
                </a:cubicBezTo>
                <a:lnTo>
                  <a:pt x="4226327" y="4572001"/>
                </a:lnTo>
                <a:cubicBezTo>
                  <a:pt x="4110196" y="4452596"/>
                  <a:pt x="4031633" y="4298519"/>
                  <a:pt x="4007268" y="4127511"/>
                </a:cubicBezTo>
                <a:cubicBezTo>
                  <a:pt x="4007101" y="4127458"/>
                  <a:pt x="4006932" y="4127453"/>
                  <a:pt x="4006763" y="4127448"/>
                </a:cubicBezTo>
                <a:lnTo>
                  <a:pt x="4006225" y="4120772"/>
                </a:lnTo>
                <a:cubicBezTo>
                  <a:pt x="4001166" y="4090522"/>
                  <a:pt x="3998715" y="4059631"/>
                  <a:pt x="3998757" y="4028296"/>
                </a:cubicBezTo>
                <a:cubicBezTo>
                  <a:pt x="3997445" y="4022668"/>
                  <a:pt x="3997387" y="4017001"/>
                  <a:pt x="3997387" y="4011320"/>
                </a:cubicBezTo>
                <a:lnTo>
                  <a:pt x="3997981" y="3999880"/>
                </a:lnTo>
                <a:lnTo>
                  <a:pt x="3998479" y="3999913"/>
                </a:lnTo>
                <a:close/>
                <a:moveTo>
                  <a:pt x="3975754" y="3999419"/>
                </a:moveTo>
                <a:lnTo>
                  <a:pt x="3975780" y="3999913"/>
                </a:lnTo>
                <a:lnTo>
                  <a:pt x="3976278" y="3999880"/>
                </a:lnTo>
                <a:lnTo>
                  <a:pt x="3976872" y="4011320"/>
                </a:lnTo>
                <a:cubicBezTo>
                  <a:pt x="3976872" y="4017001"/>
                  <a:pt x="3976813" y="4022668"/>
                  <a:pt x="3975501" y="4028296"/>
                </a:cubicBezTo>
                <a:cubicBezTo>
                  <a:pt x="3975543" y="4059631"/>
                  <a:pt x="3973093" y="4090522"/>
                  <a:pt x="3968034" y="4120772"/>
                </a:cubicBezTo>
                <a:lnTo>
                  <a:pt x="3967496" y="4127448"/>
                </a:lnTo>
                <a:cubicBezTo>
                  <a:pt x="3967326" y="4127453"/>
                  <a:pt x="3967158" y="4127458"/>
                  <a:pt x="3966990" y="4127511"/>
                </a:cubicBezTo>
                <a:cubicBezTo>
                  <a:pt x="3942625" y="4298519"/>
                  <a:pt x="3864063" y="4452596"/>
                  <a:pt x="3747931" y="4572001"/>
                </a:cubicBezTo>
                <a:lnTo>
                  <a:pt x="3553690" y="4572001"/>
                </a:lnTo>
                <a:cubicBezTo>
                  <a:pt x="3696788" y="4471530"/>
                  <a:pt x="3799011" y="4319651"/>
                  <a:pt x="3833505" y="4144250"/>
                </a:cubicBezTo>
                <a:cubicBezTo>
                  <a:pt x="3599503" y="4194541"/>
                  <a:pt x="3409134" y="4357380"/>
                  <a:pt x="3325751" y="4572001"/>
                </a:cubicBezTo>
                <a:lnTo>
                  <a:pt x="3188203" y="4572001"/>
                </a:lnTo>
                <a:cubicBezTo>
                  <a:pt x="3281566" y="4283539"/>
                  <a:pt x="3534796" y="4064450"/>
                  <a:pt x="3846875" y="4012794"/>
                </a:cubicBezTo>
                <a:lnTo>
                  <a:pt x="3846992" y="4011646"/>
                </a:lnTo>
                <a:cubicBezTo>
                  <a:pt x="3852301" y="4010636"/>
                  <a:pt x="3857629" y="4009688"/>
                  <a:pt x="3863205" y="4010107"/>
                </a:cubicBezTo>
                <a:cubicBezTo>
                  <a:pt x="3894388" y="4004550"/>
                  <a:pt x="3926281" y="4001569"/>
                  <a:pt x="3958666" y="4001042"/>
                </a:cubicBezTo>
                <a:close/>
                <a:moveTo>
                  <a:pt x="2306354" y="3999419"/>
                </a:moveTo>
                <a:lnTo>
                  <a:pt x="2323441" y="4001042"/>
                </a:lnTo>
                <a:cubicBezTo>
                  <a:pt x="2355827" y="4001569"/>
                  <a:pt x="2387719" y="4004550"/>
                  <a:pt x="2418903" y="4010107"/>
                </a:cubicBezTo>
                <a:cubicBezTo>
                  <a:pt x="2424479" y="4009688"/>
                  <a:pt x="2429807" y="4010636"/>
                  <a:pt x="2435115" y="4011646"/>
                </a:cubicBezTo>
                <a:lnTo>
                  <a:pt x="2435233" y="4012794"/>
                </a:lnTo>
                <a:cubicBezTo>
                  <a:pt x="2747312" y="4064450"/>
                  <a:pt x="3000542" y="4283539"/>
                  <a:pt x="3093904" y="4572001"/>
                </a:cubicBezTo>
                <a:lnTo>
                  <a:pt x="2956357" y="4572001"/>
                </a:lnTo>
                <a:cubicBezTo>
                  <a:pt x="2872974" y="4357380"/>
                  <a:pt x="2682605" y="4194541"/>
                  <a:pt x="2448603" y="4144250"/>
                </a:cubicBezTo>
                <a:cubicBezTo>
                  <a:pt x="2483097" y="4319651"/>
                  <a:pt x="2585320" y="4471530"/>
                  <a:pt x="2728418" y="4572001"/>
                </a:cubicBezTo>
                <a:lnTo>
                  <a:pt x="2534177" y="4572001"/>
                </a:lnTo>
                <a:cubicBezTo>
                  <a:pt x="2418045" y="4452596"/>
                  <a:pt x="2339482" y="4298519"/>
                  <a:pt x="2315117" y="4127511"/>
                </a:cubicBezTo>
                <a:cubicBezTo>
                  <a:pt x="2314950" y="4127458"/>
                  <a:pt x="2314781" y="4127453"/>
                  <a:pt x="2314612" y="4127448"/>
                </a:cubicBezTo>
                <a:lnTo>
                  <a:pt x="2314074" y="4120772"/>
                </a:lnTo>
                <a:cubicBezTo>
                  <a:pt x="2309015" y="4090522"/>
                  <a:pt x="2306564" y="4059631"/>
                  <a:pt x="2306606" y="4028296"/>
                </a:cubicBezTo>
                <a:cubicBezTo>
                  <a:pt x="2305294" y="4022668"/>
                  <a:pt x="2305236" y="4017001"/>
                  <a:pt x="2305236" y="4011320"/>
                </a:cubicBezTo>
                <a:lnTo>
                  <a:pt x="2305830" y="3999880"/>
                </a:lnTo>
                <a:lnTo>
                  <a:pt x="2306328" y="3999913"/>
                </a:lnTo>
                <a:close/>
                <a:moveTo>
                  <a:pt x="2283603" y="3999419"/>
                </a:moveTo>
                <a:lnTo>
                  <a:pt x="2283629" y="3999913"/>
                </a:lnTo>
                <a:lnTo>
                  <a:pt x="2284127" y="3999880"/>
                </a:lnTo>
                <a:lnTo>
                  <a:pt x="2284721" y="4011320"/>
                </a:lnTo>
                <a:cubicBezTo>
                  <a:pt x="2284721" y="4017001"/>
                  <a:pt x="2284662" y="4022668"/>
                  <a:pt x="2283350" y="4028296"/>
                </a:cubicBezTo>
                <a:cubicBezTo>
                  <a:pt x="2283392" y="4059631"/>
                  <a:pt x="2280942" y="4090522"/>
                  <a:pt x="2275883" y="4120772"/>
                </a:cubicBezTo>
                <a:lnTo>
                  <a:pt x="2275345" y="4127448"/>
                </a:lnTo>
                <a:cubicBezTo>
                  <a:pt x="2275175" y="4127453"/>
                  <a:pt x="2275007" y="4127458"/>
                  <a:pt x="2274839" y="4127511"/>
                </a:cubicBezTo>
                <a:cubicBezTo>
                  <a:pt x="2250474" y="4298519"/>
                  <a:pt x="2171912" y="4452596"/>
                  <a:pt x="2055780" y="4572001"/>
                </a:cubicBezTo>
                <a:lnTo>
                  <a:pt x="1861539" y="4572001"/>
                </a:lnTo>
                <a:cubicBezTo>
                  <a:pt x="2004637" y="4471530"/>
                  <a:pt x="2106860" y="4319650"/>
                  <a:pt x="2141354" y="4144250"/>
                </a:cubicBezTo>
                <a:cubicBezTo>
                  <a:pt x="1907352" y="4194541"/>
                  <a:pt x="1716983" y="4357380"/>
                  <a:pt x="1633600" y="4572001"/>
                </a:cubicBezTo>
                <a:lnTo>
                  <a:pt x="1496052" y="4572001"/>
                </a:lnTo>
                <a:cubicBezTo>
                  <a:pt x="1589416" y="4283539"/>
                  <a:pt x="1842645" y="4064450"/>
                  <a:pt x="2154724" y="4012794"/>
                </a:cubicBezTo>
                <a:lnTo>
                  <a:pt x="2154841" y="4011646"/>
                </a:lnTo>
                <a:cubicBezTo>
                  <a:pt x="2160150" y="4010636"/>
                  <a:pt x="2165478" y="4009688"/>
                  <a:pt x="2171054" y="4010107"/>
                </a:cubicBezTo>
                <a:cubicBezTo>
                  <a:pt x="2202237" y="4004550"/>
                  <a:pt x="2234130" y="4001569"/>
                  <a:pt x="2266515" y="4001042"/>
                </a:cubicBezTo>
                <a:close/>
                <a:moveTo>
                  <a:pt x="614203" y="3999419"/>
                </a:moveTo>
                <a:lnTo>
                  <a:pt x="631290" y="4001042"/>
                </a:lnTo>
                <a:cubicBezTo>
                  <a:pt x="663676" y="4001569"/>
                  <a:pt x="695568" y="4004550"/>
                  <a:pt x="726752" y="4010107"/>
                </a:cubicBezTo>
                <a:cubicBezTo>
                  <a:pt x="732328" y="4009688"/>
                  <a:pt x="737656" y="4010636"/>
                  <a:pt x="742964" y="4011646"/>
                </a:cubicBezTo>
                <a:lnTo>
                  <a:pt x="743081" y="4012794"/>
                </a:lnTo>
                <a:cubicBezTo>
                  <a:pt x="1055161" y="4064450"/>
                  <a:pt x="1308390" y="4283539"/>
                  <a:pt x="1401754" y="4572001"/>
                </a:cubicBezTo>
                <a:lnTo>
                  <a:pt x="1264205" y="4572001"/>
                </a:lnTo>
                <a:cubicBezTo>
                  <a:pt x="1180823" y="4357380"/>
                  <a:pt x="990454" y="4194541"/>
                  <a:pt x="756452" y="4144250"/>
                </a:cubicBezTo>
                <a:cubicBezTo>
                  <a:pt x="790946" y="4319651"/>
                  <a:pt x="893169" y="4471530"/>
                  <a:pt x="1036266" y="4572001"/>
                </a:cubicBezTo>
                <a:lnTo>
                  <a:pt x="842026" y="4572001"/>
                </a:lnTo>
                <a:cubicBezTo>
                  <a:pt x="725894" y="4452596"/>
                  <a:pt x="647331" y="4298519"/>
                  <a:pt x="622966" y="4127511"/>
                </a:cubicBezTo>
                <a:cubicBezTo>
                  <a:pt x="622799" y="4127458"/>
                  <a:pt x="622630" y="4127453"/>
                  <a:pt x="622461" y="4127448"/>
                </a:cubicBezTo>
                <a:lnTo>
                  <a:pt x="621923" y="4120772"/>
                </a:lnTo>
                <a:cubicBezTo>
                  <a:pt x="616864" y="4090522"/>
                  <a:pt x="614413" y="4059631"/>
                  <a:pt x="614455" y="4028296"/>
                </a:cubicBezTo>
                <a:cubicBezTo>
                  <a:pt x="613143" y="4022668"/>
                  <a:pt x="613085" y="4017001"/>
                  <a:pt x="613085" y="4011320"/>
                </a:cubicBezTo>
                <a:lnTo>
                  <a:pt x="613679" y="3999880"/>
                </a:lnTo>
                <a:lnTo>
                  <a:pt x="614177" y="3999913"/>
                </a:lnTo>
                <a:close/>
                <a:moveTo>
                  <a:pt x="591452" y="3999419"/>
                </a:moveTo>
                <a:lnTo>
                  <a:pt x="591478" y="3999913"/>
                </a:lnTo>
                <a:lnTo>
                  <a:pt x="591976" y="3999880"/>
                </a:lnTo>
                <a:lnTo>
                  <a:pt x="592570" y="4011320"/>
                </a:lnTo>
                <a:cubicBezTo>
                  <a:pt x="592570" y="4017001"/>
                  <a:pt x="592511" y="4022668"/>
                  <a:pt x="591199" y="4028296"/>
                </a:cubicBezTo>
                <a:cubicBezTo>
                  <a:pt x="591242" y="4059631"/>
                  <a:pt x="588791" y="4090522"/>
                  <a:pt x="583732" y="4120772"/>
                </a:cubicBezTo>
                <a:lnTo>
                  <a:pt x="583194" y="4127448"/>
                </a:lnTo>
                <a:cubicBezTo>
                  <a:pt x="583024" y="4127453"/>
                  <a:pt x="582856" y="4127458"/>
                  <a:pt x="582689" y="4127511"/>
                </a:cubicBezTo>
                <a:cubicBezTo>
                  <a:pt x="558275" y="4298863"/>
                  <a:pt x="479445" y="4453216"/>
                  <a:pt x="362360" y="4572001"/>
                </a:cubicBezTo>
                <a:lnTo>
                  <a:pt x="169811" y="4572001"/>
                </a:lnTo>
                <a:cubicBezTo>
                  <a:pt x="312603" y="4471357"/>
                  <a:pt x="414729" y="4319551"/>
                  <a:pt x="449203" y="4144250"/>
                </a:cubicBezTo>
                <a:cubicBezTo>
                  <a:pt x="258971" y="4185134"/>
                  <a:pt x="97576" y="4300399"/>
                  <a:pt x="0" y="4458139"/>
                </a:cubicBezTo>
                <a:lnTo>
                  <a:pt x="0" y="4251345"/>
                </a:lnTo>
                <a:cubicBezTo>
                  <a:pt x="121484" y="4128438"/>
                  <a:pt x="282199" y="4042650"/>
                  <a:pt x="462573" y="4012794"/>
                </a:cubicBezTo>
                <a:lnTo>
                  <a:pt x="462690" y="4011646"/>
                </a:lnTo>
                <a:cubicBezTo>
                  <a:pt x="467999" y="4010636"/>
                  <a:pt x="473327" y="4009688"/>
                  <a:pt x="478903" y="4010107"/>
                </a:cubicBezTo>
                <a:cubicBezTo>
                  <a:pt x="510086" y="4004550"/>
                  <a:pt x="541979" y="4001569"/>
                  <a:pt x="574365" y="4001042"/>
                </a:cubicBezTo>
                <a:close/>
                <a:moveTo>
                  <a:pt x="11452667" y="3304913"/>
                </a:moveTo>
                <a:cubicBezTo>
                  <a:pt x="11177477" y="3363591"/>
                  <a:pt x="10962633" y="3576701"/>
                  <a:pt x="10909358" y="3845480"/>
                </a:cubicBezTo>
                <a:cubicBezTo>
                  <a:pt x="11184548" y="3786801"/>
                  <a:pt x="11399391" y="3573691"/>
                  <a:pt x="11452667" y="3304913"/>
                </a:cubicBezTo>
                <a:close/>
                <a:moveTo>
                  <a:pt x="10058800" y="3304913"/>
                </a:moveTo>
                <a:cubicBezTo>
                  <a:pt x="10112076" y="3573691"/>
                  <a:pt x="10326919" y="3786801"/>
                  <a:pt x="10602109" y="3845480"/>
                </a:cubicBezTo>
                <a:cubicBezTo>
                  <a:pt x="10548834" y="3576701"/>
                  <a:pt x="10333990" y="3363591"/>
                  <a:pt x="10058800" y="3304913"/>
                </a:cubicBezTo>
                <a:close/>
                <a:moveTo>
                  <a:pt x="9760514" y="3304913"/>
                </a:moveTo>
                <a:cubicBezTo>
                  <a:pt x="9485324" y="3363591"/>
                  <a:pt x="9270480" y="3576701"/>
                  <a:pt x="9217205" y="3845480"/>
                </a:cubicBezTo>
                <a:cubicBezTo>
                  <a:pt x="9492395" y="3786801"/>
                  <a:pt x="9707238" y="3573691"/>
                  <a:pt x="9760514" y="3304913"/>
                </a:cubicBezTo>
                <a:close/>
                <a:moveTo>
                  <a:pt x="8366649" y="3304913"/>
                </a:moveTo>
                <a:cubicBezTo>
                  <a:pt x="8419925" y="3573691"/>
                  <a:pt x="8634768" y="3786801"/>
                  <a:pt x="8909958" y="3845480"/>
                </a:cubicBezTo>
                <a:cubicBezTo>
                  <a:pt x="8856683" y="3576701"/>
                  <a:pt x="8641839" y="3363591"/>
                  <a:pt x="8366649" y="3304913"/>
                </a:cubicBezTo>
                <a:close/>
                <a:moveTo>
                  <a:pt x="8068363" y="3304913"/>
                </a:moveTo>
                <a:cubicBezTo>
                  <a:pt x="7793173" y="3363591"/>
                  <a:pt x="7578329" y="3576701"/>
                  <a:pt x="7525054" y="3845480"/>
                </a:cubicBezTo>
                <a:cubicBezTo>
                  <a:pt x="7800244" y="3786801"/>
                  <a:pt x="8015087" y="3573691"/>
                  <a:pt x="8068363" y="3304913"/>
                </a:cubicBezTo>
                <a:close/>
                <a:moveTo>
                  <a:pt x="6674498" y="3304913"/>
                </a:moveTo>
                <a:cubicBezTo>
                  <a:pt x="6727774" y="3573691"/>
                  <a:pt x="6942617" y="3786801"/>
                  <a:pt x="7217807" y="3845480"/>
                </a:cubicBezTo>
                <a:cubicBezTo>
                  <a:pt x="7164532" y="3576701"/>
                  <a:pt x="6949688" y="3363591"/>
                  <a:pt x="6674498" y="3304913"/>
                </a:cubicBezTo>
                <a:close/>
                <a:moveTo>
                  <a:pt x="6376212" y="3304913"/>
                </a:moveTo>
                <a:cubicBezTo>
                  <a:pt x="6101022" y="3363591"/>
                  <a:pt x="5886178" y="3576701"/>
                  <a:pt x="5832903" y="3845480"/>
                </a:cubicBezTo>
                <a:cubicBezTo>
                  <a:pt x="6108093" y="3786801"/>
                  <a:pt x="6322936" y="3573691"/>
                  <a:pt x="6376212" y="3304913"/>
                </a:cubicBezTo>
                <a:close/>
                <a:moveTo>
                  <a:pt x="4982347" y="3304913"/>
                </a:moveTo>
                <a:cubicBezTo>
                  <a:pt x="5035623" y="3573691"/>
                  <a:pt x="5250466" y="3786801"/>
                  <a:pt x="5525656" y="3845480"/>
                </a:cubicBezTo>
                <a:cubicBezTo>
                  <a:pt x="5472381" y="3576701"/>
                  <a:pt x="5257537" y="3363591"/>
                  <a:pt x="4982347" y="3304913"/>
                </a:cubicBezTo>
                <a:close/>
                <a:moveTo>
                  <a:pt x="4684061" y="3304913"/>
                </a:moveTo>
                <a:cubicBezTo>
                  <a:pt x="4408871" y="3363591"/>
                  <a:pt x="4194027" y="3576701"/>
                  <a:pt x="4140752" y="3845480"/>
                </a:cubicBezTo>
                <a:cubicBezTo>
                  <a:pt x="4415942" y="3786801"/>
                  <a:pt x="4630785" y="3573691"/>
                  <a:pt x="4684061" y="3304913"/>
                </a:cubicBezTo>
                <a:close/>
                <a:moveTo>
                  <a:pt x="3290196" y="3304913"/>
                </a:moveTo>
                <a:cubicBezTo>
                  <a:pt x="3343472" y="3573691"/>
                  <a:pt x="3558315" y="3786801"/>
                  <a:pt x="3833505" y="3845480"/>
                </a:cubicBezTo>
                <a:cubicBezTo>
                  <a:pt x="3780230" y="3576701"/>
                  <a:pt x="3565386" y="3363591"/>
                  <a:pt x="3290196" y="3304913"/>
                </a:cubicBezTo>
                <a:close/>
                <a:moveTo>
                  <a:pt x="2991910" y="3304913"/>
                </a:moveTo>
                <a:cubicBezTo>
                  <a:pt x="2716720" y="3363591"/>
                  <a:pt x="2501876" y="3576701"/>
                  <a:pt x="2448601" y="3845480"/>
                </a:cubicBezTo>
                <a:cubicBezTo>
                  <a:pt x="2723791" y="3786801"/>
                  <a:pt x="2938634" y="3573691"/>
                  <a:pt x="2991910" y="3304913"/>
                </a:cubicBezTo>
                <a:close/>
                <a:moveTo>
                  <a:pt x="1598045" y="3304913"/>
                </a:moveTo>
                <a:cubicBezTo>
                  <a:pt x="1651321" y="3573691"/>
                  <a:pt x="1866164" y="3786801"/>
                  <a:pt x="2141354" y="3845480"/>
                </a:cubicBezTo>
                <a:cubicBezTo>
                  <a:pt x="2088079" y="3576701"/>
                  <a:pt x="1873235" y="3363591"/>
                  <a:pt x="1598045" y="3304913"/>
                </a:cubicBezTo>
                <a:close/>
                <a:moveTo>
                  <a:pt x="1299759" y="3304913"/>
                </a:moveTo>
                <a:cubicBezTo>
                  <a:pt x="1024569" y="3363591"/>
                  <a:pt x="809725" y="3576701"/>
                  <a:pt x="756450" y="3845480"/>
                </a:cubicBezTo>
                <a:cubicBezTo>
                  <a:pt x="1031640" y="3786801"/>
                  <a:pt x="1246483" y="3573691"/>
                  <a:pt x="1299759" y="3304913"/>
                </a:cubicBezTo>
                <a:close/>
                <a:moveTo>
                  <a:pt x="0" y="3200906"/>
                </a:moveTo>
                <a:cubicBezTo>
                  <a:pt x="306658" y="3291386"/>
                  <a:pt x="537576" y="3547942"/>
                  <a:pt x="582690" y="3862087"/>
                </a:cubicBezTo>
                <a:cubicBezTo>
                  <a:pt x="582857" y="3862140"/>
                  <a:pt x="583026" y="3862145"/>
                  <a:pt x="583195" y="3862150"/>
                </a:cubicBezTo>
                <a:lnTo>
                  <a:pt x="583735" y="3868787"/>
                </a:lnTo>
                <a:cubicBezTo>
                  <a:pt x="588792" y="3898794"/>
                  <a:pt x="591242" y="3929436"/>
                  <a:pt x="591199" y="3960518"/>
                </a:cubicBezTo>
                <a:cubicBezTo>
                  <a:pt x="592511" y="3966104"/>
                  <a:pt x="592570" y="3971728"/>
                  <a:pt x="592570" y="3977366"/>
                </a:cubicBezTo>
                <a:cubicBezTo>
                  <a:pt x="592570" y="3981158"/>
                  <a:pt x="592543" y="3984944"/>
                  <a:pt x="591977" y="3988716"/>
                </a:cubicBezTo>
                <a:lnTo>
                  <a:pt x="591478" y="3988683"/>
                </a:lnTo>
                <a:lnTo>
                  <a:pt x="591452" y="3989174"/>
                </a:lnTo>
                <a:lnTo>
                  <a:pt x="574334" y="3987561"/>
                </a:lnTo>
                <a:cubicBezTo>
                  <a:pt x="541959" y="3987038"/>
                  <a:pt x="510079" y="3984080"/>
                  <a:pt x="478907" y="3978570"/>
                </a:cubicBezTo>
                <a:cubicBezTo>
                  <a:pt x="473330" y="3978986"/>
                  <a:pt x="468001" y="3978045"/>
                  <a:pt x="462690" y="3977042"/>
                </a:cubicBezTo>
                <a:lnTo>
                  <a:pt x="462574" y="3975903"/>
                </a:lnTo>
                <a:cubicBezTo>
                  <a:pt x="282200" y="3946281"/>
                  <a:pt x="121485" y="3861168"/>
                  <a:pt x="0" y="3739225"/>
                </a:cubicBezTo>
                <a:lnTo>
                  <a:pt x="0" y="3534056"/>
                </a:lnTo>
                <a:cubicBezTo>
                  <a:pt x="97584" y="3690562"/>
                  <a:pt x="258975" y="3804918"/>
                  <a:pt x="449203" y="3845480"/>
                </a:cubicBezTo>
                <a:cubicBezTo>
                  <a:pt x="402182" y="3608252"/>
                  <a:pt x="229297" y="3414390"/>
                  <a:pt x="0" y="3332205"/>
                </a:cubicBezTo>
                <a:close/>
                <a:moveTo>
                  <a:pt x="11608704" y="3161219"/>
                </a:moveTo>
                <a:lnTo>
                  <a:pt x="11625791" y="3162829"/>
                </a:lnTo>
                <a:cubicBezTo>
                  <a:pt x="11658177" y="3163352"/>
                  <a:pt x="11690070" y="3166310"/>
                  <a:pt x="11721253" y="3171823"/>
                </a:cubicBezTo>
                <a:cubicBezTo>
                  <a:pt x="11726829" y="3171407"/>
                  <a:pt x="11732157" y="3172348"/>
                  <a:pt x="11737466" y="3173350"/>
                </a:cubicBezTo>
                <a:lnTo>
                  <a:pt x="11737583" y="3174489"/>
                </a:lnTo>
                <a:cubicBezTo>
                  <a:pt x="11914088" y="3203476"/>
                  <a:pt x="12071767" y="3285599"/>
                  <a:pt x="12192000" y="3403667"/>
                </a:cubicBezTo>
                <a:lnTo>
                  <a:pt x="12192000" y="3603658"/>
                </a:lnTo>
                <a:cubicBezTo>
                  <a:pt x="12093732" y="3453636"/>
                  <a:pt x="11935983" y="3344367"/>
                  <a:pt x="11750953" y="3304913"/>
                </a:cubicBezTo>
                <a:cubicBezTo>
                  <a:pt x="11797422" y="3539349"/>
                  <a:pt x="11966808" y="3731433"/>
                  <a:pt x="12192000" y="3815480"/>
                </a:cubicBezTo>
                <a:lnTo>
                  <a:pt x="12192000" y="3947482"/>
                </a:lnTo>
                <a:cubicBezTo>
                  <a:pt x="11889465" y="3854506"/>
                  <a:pt x="11662185" y="3599697"/>
                  <a:pt x="11617468" y="3288305"/>
                </a:cubicBezTo>
                <a:cubicBezTo>
                  <a:pt x="11617300" y="3288253"/>
                  <a:pt x="11617132" y="3288248"/>
                  <a:pt x="11616962" y="3288243"/>
                </a:cubicBezTo>
                <a:lnTo>
                  <a:pt x="11616424" y="3281619"/>
                </a:lnTo>
                <a:cubicBezTo>
                  <a:pt x="11611365" y="3251607"/>
                  <a:pt x="11608914" y="3220958"/>
                  <a:pt x="11608957" y="3189869"/>
                </a:cubicBezTo>
                <a:cubicBezTo>
                  <a:pt x="11607645" y="3184286"/>
                  <a:pt x="11607586" y="3178663"/>
                  <a:pt x="11607586" y="3173027"/>
                </a:cubicBezTo>
                <a:lnTo>
                  <a:pt x="11608180" y="3161677"/>
                </a:lnTo>
                <a:lnTo>
                  <a:pt x="11608678" y="3161709"/>
                </a:lnTo>
                <a:close/>
                <a:moveTo>
                  <a:pt x="11594916" y="3161219"/>
                </a:moveTo>
                <a:lnTo>
                  <a:pt x="11594942" y="3161709"/>
                </a:lnTo>
                <a:lnTo>
                  <a:pt x="11595440" y="3161677"/>
                </a:lnTo>
                <a:lnTo>
                  <a:pt x="11596034" y="3173027"/>
                </a:lnTo>
                <a:cubicBezTo>
                  <a:pt x="11596034" y="3178663"/>
                  <a:pt x="11595975" y="3184286"/>
                  <a:pt x="11594663" y="3189869"/>
                </a:cubicBezTo>
                <a:cubicBezTo>
                  <a:pt x="11594706" y="3220958"/>
                  <a:pt x="11592255" y="3251607"/>
                  <a:pt x="11587196" y="3281619"/>
                </a:cubicBezTo>
                <a:lnTo>
                  <a:pt x="11586658" y="3288243"/>
                </a:lnTo>
                <a:cubicBezTo>
                  <a:pt x="11586488" y="3288248"/>
                  <a:pt x="11586320" y="3288253"/>
                  <a:pt x="11586152" y="3288305"/>
                </a:cubicBezTo>
                <a:cubicBezTo>
                  <a:pt x="11535877" y="3638399"/>
                  <a:pt x="11254838" y="3916971"/>
                  <a:pt x="10895987" y="3975903"/>
                </a:cubicBezTo>
                <a:lnTo>
                  <a:pt x="10895871" y="3977042"/>
                </a:lnTo>
                <a:cubicBezTo>
                  <a:pt x="10890560" y="3978045"/>
                  <a:pt x="10885231" y="3978986"/>
                  <a:pt x="10879654" y="3978570"/>
                </a:cubicBezTo>
                <a:cubicBezTo>
                  <a:pt x="10848482" y="3984080"/>
                  <a:pt x="10816602" y="3987038"/>
                  <a:pt x="10784227" y="3987561"/>
                </a:cubicBezTo>
                <a:lnTo>
                  <a:pt x="10767109" y="3989174"/>
                </a:lnTo>
                <a:lnTo>
                  <a:pt x="10767083" y="3988683"/>
                </a:lnTo>
                <a:lnTo>
                  <a:pt x="10766584" y="3988716"/>
                </a:lnTo>
                <a:cubicBezTo>
                  <a:pt x="10766018" y="3984944"/>
                  <a:pt x="10765991" y="3981158"/>
                  <a:pt x="10765991" y="3977366"/>
                </a:cubicBezTo>
                <a:cubicBezTo>
                  <a:pt x="10765991" y="3971728"/>
                  <a:pt x="10766050" y="3966104"/>
                  <a:pt x="10767362" y="3960518"/>
                </a:cubicBezTo>
                <a:cubicBezTo>
                  <a:pt x="10767319" y="3929436"/>
                  <a:pt x="10769769" y="3898794"/>
                  <a:pt x="10774826" y="3868787"/>
                </a:cubicBezTo>
                <a:lnTo>
                  <a:pt x="10775366" y="3862150"/>
                </a:lnTo>
                <a:cubicBezTo>
                  <a:pt x="10775535" y="3862145"/>
                  <a:pt x="10775704" y="3862140"/>
                  <a:pt x="10775872" y="3862087"/>
                </a:cubicBezTo>
                <a:cubicBezTo>
                  <a:pt x="10826148" y="3511992"/>
                  <a:pt x="11107187" y="3233421"/>
                  <a:pt x="11466037" y="3174489"/>
                </a:cubicBezTo>
                <a:lnTo>
                  <a:pt x="11466154" y="3173350"/>
                </a:lnTo>
                <a:cubicBezTo>
                  <a:pt x="11471463" y="3172348"/>
                  <a:pt x="11476791" y="3171407"/>
                  <a:pt x="11482367" y="3171823"/>
                </a:cubicBezTo>
                <a:cubicBezTo>
                  <a:pt x="11513550" y="3166310"/>
                  <a:pt x="11545443" y="3163352"/>
                  <a:pt x="11577829" y="3162829"/>
                </a:cubicBezTo>
                <a:close/>
                <a:moveTo>
                  <a:pt x="9916551" y="3161219"/>
                </a:moveTo>
                <a:lnTo>
                  <a:pt x="9933638" y="3162829"/>
                </a:lnTo>
                <a:cubicBezTo>
                  <a:pt x="9966024" y="3163352"/>
                  <a:pt x="9997917" y="3166310"/>
                  <a:pt x="10029100" y="3171823"/>
                </a:cubicBezTo>
                <a:cubicBezTo>
                  <a:pt x="10034676" y="3171407"/>
                  <a:pt x="10040004" y="3172348"/>
                  <a:pt x="10045313" y="3173350"/>
                </a:cubicBezTo>
                <a:lnTo>
                  <a:pt x="10045430" y="3174489"/>
                </a:lnTo>
                <a:cubicBezTo>
                  <a:pt x="10404280" y="3233421"/>
                  <a:pt x="10685319" y="3511992"/>
                  <a:pt x="10735596" y="3862087"/>
                </a:cubicBezTo>
                <a:cubicBezTo>
                  <a:pt x="10735763" y="3862140"/>
                  <a:pt x="10735932" y="3862145"/>
                  <a:pt x="10736101" y="3862150"/>
                </a:cubicBezTo>
                <a:lnTo>
                  <a:pt x="10736641" y="3868787"/>
                </a:lnTo>
                <a:cubicBezTo>
                  <a:pt x="10741698" y="3898794"/>
                  <a:pt x="10744148" y="3929436"/>
                  <a:pt x="10744105" y="3960518"/>
                </a:cubicBezTo>
                <a:cubicBezTo>
                  <a:pt x="10745417" y="3966104"/>
                  <a:pt x="10745476" y="3971728"/>
                  <a:pt x="10745476" y="3977366"/>
                </a:cubicBezTo>
                <a:cubicBezTo>
                  <a:pt x="10745476" y="3981158"/>
                  <a:pt x="10745449" y="3984944"/>
                  <a:pt x="10744883" y="3988716"/>
                </a:cubicBezTo>
                <a:lnTo>
                  <a:pt x="10744384" y="3988683"/>
                </a:lnTo>
                <a:lnTo>
                  <a:pt x="10744358" y="3989174"/>
                </a:lnTo>
                <a:lnTo>
                  <a:pt x="10727240" y="3987561"/>
                </a:lnTo>
                <a:cubicBezTo>
                  <a:pt x="10694865" y="3987038"/>
                  <a:pt x="10662985" y="3984080"/>
                  <a:pt x="10631813" y="3978570"/>
                </a:cubicBezTo>
                <a:cubicBezTo>
                  <a:pt x="10626236" y="3978986"/>
                  <a:pt x="10620907" y="3978045"/>
                  <a:pt x="10615596" y="3977042"/>
                </a:cubicBezTo>
                <a:lnTo>
                  <a:pt x="10615480" y="3975903"/>
                </a:lnTo>
                <a:cubicBezTo>
                  <a:pt x="10256629" y="3916971"/>
                  <a:pt x="9975590" y="3638399"/>
                  <a:pt x="9925315" y="3288305"/>
                </a:cubicBezTo>
                <a:cubicBezTo>
                  <a:pt x="9925147" y="3288253"/>
                  <a:pt x="9924979" y="3288248"/>
                  <a:pt x="9924809" y="3288243"/>
                </a:cubicBezTo>
                <a:lnTo>
                  <a:pt x="9924271" y="3281619"/>
                </a:lnTo>
                <a:cubicBezTo>
                  <a:pt x="9919212" y="3251607"/>
                  <a:pt x="9916761" y="3220958"/>
                  <a:pt x="9916804" y="3189869"/>
                </a:cubicBezTo>
                <a:cubicBezTo>
                  <a:pt x="9915492" y="3184286"/>
                  <a:pt x="9915433" y="3178663"/>
                  <a:pt x="9915433" y="3173027"/>
                </a:cubicBezTo>
                <a:lnTo>
                  <a:pt x="9916027" y="3161677"/>
                </a:lnTo>
                <a:lnTo>
                  <a:pt x="9916525" y="3161709"/>
                </a:lnTo>
                <a:close/>
                <a:moveTo>
                  <a:pt x="9902763" y="3161219"/>
                </a:moveTo>
                <a:lnTo>
                  <a:pt x="9902789" y="3161709"/>
                </a:lnTo>
                <a:lnTo>
                  <a:pt x="9903287" y="3161677"/>
                </a:lnTo>
                <a:lnTo>
                  <a:pt x="9903881" y="3173027"/>
                </a:lnTo>
                <a:cubicBezTo>
                  <a:pt x="9903881" y="3178663"/>
                  <a:pt x="9903822" y="3184286"/>
                  <a:pt x="9902510" y="3189869"/>
                </a:cubicBezTo>
                <a:cubicBezTo>
                  <a:pt x="9902553" y="3220958"/>
                  <a:pt x="9900102" y="3251607"/>
                  <a:pt x="9895043" y="3281619"/>
                </a:cubicBezTo>
                <a:lnTo>
                  <a:pt x="9894505" y="3288243"/>
                </a:lnTo>
                <a:cubicBezTo>
                  <a:pt x="9894335" y="3288248"/>
                  <a:pt x="9894167" y="3288253"/>
                  <a:pt x="9893999" y="3288305"/>
                </a:cubicBezTo>
                <a:cubicBezTo>
                  <a:pt x="9843724" y="3638399"/>
                  <a:pt x="9562685" y="3916971"/>
                  <a:pt x="9203834" y="3975903"/>
                </a:cubicBezTo>
                <a:lnTo>
                  <a:pt x="9203718" y="3977042"/>
                </a:lnTo>
                <a:cubicBezTo>
                  <a:pt x="9198407" y="3978045"/>
                  <a:pt x="9193078" y="3978986"/>
                  <a:pt x="9187501" y="3978570"/>
                </a:cubicBezTo>
                <a:cubicBezTo>
                  <a:pt x="9156329" y="3984080"/>
                  <a:pt x="9124449" y="3987038"/>
                  <a:pt x="9092074" y="3987561"/>
                </a:cubicBezTo>
                <a:lnTo>
                  <a:pt x="9074956" y="3989174"/>
                </a:lnTo>
                <a:lnTo>
                  <a:pt x="9074930" y="3988683"/>
                </a:lnTo>
                <a:lnTo>
                  <a:pt x="9074431" y="3988716"/>
                </a:lnTo>
                <a:cubicBezTo>
                  <a:pt x="9073865" y="3984944"/>
                  <a:pt x="9073838" y="3981158"/>
                  <a:pt x="9073838" y="3977366"/>
                </a:cubicBezTo>
                <a:cubicBezTo>
                  <a:pt x="9073838" y="3971728"/>
                  <a:pt x="9073897" y="3966104"/>
                  <a:pt x="9075209" y="3960518"/>
                </a:cubicBezTo>
                <a:cubicBezTo>
                  <a:pt x="9075166" y="3929436"/>
                  <a:pt x="9077616" y="3898794"/>
                  <a:pt x="9082673" y="3868787"/>
                </a:cubicBezTo>
                <a:lnTo>
                  <a:pt x="9083213" y="3862150"/>
                </a:lnTo>
                <a:cubicBezTo>
                  <a:pt x="9083382" y="3862145"/>
                  <a:pt x="9083551" y="3862140"/>
                  <a:pt x="9083718" y="3862087"/>
                </a:cubicBezTo>
                <a:cubicBezTo>
                  <a:pt x="9133995" y="3511992"/>
                  <a:pt x="9415034" y="3233421"/>
                  <a:pt x="9773884" y="3174489"/>
                </a:cubicBezTo>
                <a:lnTo>
                  <a:pt x="9774001" y="3173350"/>
                </a:lnTo>
                <a:cubicBezTo>
                  <a:pt x="9779310" y="3172348"/>
                  <a:pt x="9784638" y="3171407"/>
                  <a:pt x="9790214" y="3171823"/>
                </a:cubicBezTo>
                <a:cubicBezTo>
                  <a:pt x="9821397" y="3166310"/>
                  <a:pt x="9853290" y="3163352"/>
                  <a:pt x="9885676" y="3162829"/>
                </a:cubicBezTo>
                <a:close/>
                <a:moveTo>
                  <a:pt x="8224400" y="3161219"/>
                </a:moveTo>
                <a:lnTo>
                  <a:pt x="8241488" y="3162829"/>
                </a:lnTo>
                <a:cubicBezTo>
                  <a:pt x="8273873" y="3163352"/>
                  <a:pt x="8305766" y="3166310"/>
                  <a:pt x="8336949" y="3171823"/>
                </a:cubicBezTo>
                <a:cubicBezTo>
                  <a:pt x="8342525" y="3171407"/>
                  <a:pt x="8347853" y="3172348"/>
                  <a:pt x="8353162" y="3173350"/>
                </a:cubicBezTo>
                <a:lnTo>
                  <a:pt x="8353279" y="3174489"/>
                </a:lnTo>
                <a:cubicBezTo>
                  <a:pt x="8712129" y="3233421"/>
                  <a:pt x="8993168" y="3511992"/>
                  <a:pt x="9043444" y="3862087"/>
                </a:cubicBezTo>
                <a:cubicBezTo>
                  <a:pt x="9043612" y="3862140"/>
                  <a:pt x="9043781" y="3862145"/>
                  <a:pt x="9043950" y="3862150"/>
                </a:cubicBezTo>
                <a:lnTo>
                  <a:pt x="9044490" y="3868787"/>
                </a:lnTo>
                <a:cubicBezTo>
                  <a:pt x="9049547" y="3898794"/>
                  <a:pt x="9051997" y="3929436"/>
                  <a:pt x="9051954" y="3960518"/>
                </a:cubicBezTo>
                <a:cubicBezTo>
                  <a:pt x="9053266" y="3966104"/>
                  <a:pt x="9053325" y="3971728"/>
                  <a:pt x="9053325" y="3977366"/>
                </a:cubicBezTo>
                <a:cubicBezTo>
                  <a:pt x="9053325" y="3981158"/>
                  <a:pt x="9053298" y="3984944"/>
                  <a:pt x="9052732" y="3988716"/>
                </a:cubicBezTo>
                <a:lnTo>
                  <a:pt x="9052233" y="3988683"/>
                </a:lnTo>
                <a:lnTo>
                  <a:pt x="9052207" y="3989174"/>
                </a:lnTo>
                <a:lnTo>
                  <a:pt x="9035089" y="3987561"/>
                </a:lnTo>
                <a:cubicBezTo>
                  <a:pt x="9002714" y="3987038"/>
                  <a:pt x="8970834" y="3984080"/>
                  <a:pt x="8939662" y="3978570"/>
                </a:cubicBezTo>
                <a:cubicBezTo>
                  <a:pt x="8934085" y="3978986"/>
                  <a:pt x="8928756" y="3978045"/>
                  <a:pt x="8923445" y="3977042"/>
                </a:cubicBezTo>
                <a:lnTo>
                  <a:pt x="8923329" y="3975903"/>
                </a:lnTo>
                <a:cubicBezTo>
                  <a:pt x="8564478" y="3916971"/>
                  <a:pt x="8283439" y="3638399"/>
                  <a:pt x="8233164" y="3288305"/>
                </a:cubicBezTo>
                <a:cubicBezTo>
                  <a:pt x="8232996" y="3288253"/>
                  <a:pt x="8232828" y="3288248"/>
                  <a:pt x="8232658" y="3288243"/>
                </a:cubicBezTo>
                <a:lnTo>
                  <a:pt x="8232120" y="3281619"/>
                </a:lnTo>
                <a:cubicBezTo>
                  <a:pt x="8227061" y="3251607"/>
                  <a:pt x="8224611" y="3220958"/>
                  <a:pt x="8224653" y="3189869"/>
                </a:cubicBezTo>
                <a:cubicBezTo>
                  <a:pt x="8223341" y="3184286"/>
                  <a:pt x="8223282" y="3178663"/>
                  <a:pt x="8223282" y="3173027"/>
                </a:cubicBezTo>
                <a:lnTo>
                  <a:pt x="8223876" y="3161677"/>
                </a:lnTo>
                <a:lnTo>
                  <a:pt x="8224374" y="3161709"/>
                </a:lnTo>
                <a:close/>
                <a:moveTo>
                  <a:pt x="8210612" y="3161219"/>
                </a:moveTo>
                <a:lnTo>
                  <a:pt x="8210638" y="3161709"/>
                </a:lnTo>
                <a:lnTo>
                  <a:pt x="8211136" y="3161677"/>
                </a:lnTo>
                <a:lnTo>
                  <a:pt x="8211730" y="3173027"/>
                </a:lnTo>
                <a:cubicBezTo>
                  <a:pt x="8211730" y="3178663"/>
                  <a:pt x="8211672" y="3184286"/>
                  <a:pt x="8210360" y="3189869"/>
                </a:cubicBezTo>
                <a:cubicBezTo>
                  <a:pt x="8210402" y="3220958"/>
                  <a:pt x="8207951" y="3251607"/>
                  <a:pt x="8202893" y="3281619"/>
                </a:cubicBezTo>
                <a:lnTo>
                  <a:pt x="8202354" y="3288243"/>
                </a:lnTo>
                <a:cubicBezTo>
                  <a:pt x="8202185" y="3288248"/>
                  <a:pt x="8202016" y="3288253"/>
                  <a:pt x="8201849" y="3288305"/>
                </a:cubicBezTo>
                <a:cubicBezTo>
                  <a:pt x="8151573" y="3638399"/>
                  <a:pt x="7870534" y="3916971"/>
                  <a:pt x="7511683" y="3975903"/>
                </a:cubicBezTo>
                <a:lnTo>
                  <a:pt x="7511567" y="3977042"/>
                </a:lnTo>
                <a:cubicBezTo>
                  <a:pt x="7506256" y="3978045"/>
                  <a:pt x="7500927" y="3978986"/>
                  <a:pt x="7495350" y="3978570"/>
                </a:cubicBezTo>
                <a:cubicBezTo>
                  <a:pt x="7464178" y="3984080"/>
                  <a:pt x="7432298" y="3987038"/>
                  <a:pt x="7399924" y="3987561"/>
                </a:cubicBezTo>
                <a:lnTo>
                  <a:pt x="7382805" y="3989174"/>
                </a:lnTo>
                <a:lnTo>
                  <a:pt x="7382779" y="3988683"/>
                </a:lnTo>
                <a:lnTo>
                  <a:pt x="7382280" y="3988716"/>
                </a:lnTo>
                <a:cubicBezTo>
                  <a:pt x="7381714" y="3984944"/>
                  <a:pt x="7381687" y="3981158"/>
                  <a:pt x="7381687" y="3977366"/>
                </a:cubicBezTo>
                <a:cubicBezTo>
                  <a:pt x="7381687" y="3971728"/>
                  <a:pt x="7381746" y="3966104"/>
                  <a:pt x="7383058" y="3960518"/>
                </a:cubicBezTo>
                <a:cubicBezTo>
                  <a:pt x="7383016" y="3929436"/>
                  <a:pt x="7385465" y="3898794"/>
                  <a:pt x="7390522" y="3868787"/>
                </a:cubicBezTo>
                <a:lnTo>
                  <a:pt x="7391062" y="3862150"/>
                </a:lnTo>
                <a:cubicBezTo>
                  <a:pt x="7391231" y="3862145"/>
                  <a:pt x="7391400" y="3862140"/>
                  <a:pt x="7391568" y="3862087"/>
                </a:cubicBezTo>
                <a:cubicBezTo>
                  <a:pt x="7441844" y="3511992"/>
                  <a:pt x="7722883" y="3233421"/>
                  <a:pt x="8081734" y="3174489"/>
                </a:cubicBezTo>
                <a:lnTo>
                  <a:pt x="8081851" y="3173350"/>
                </a:lnTo>
                <a:cubicBezTo>
                  <a:pt x="8087159" y="3172348"/>
                  <a:pt x="8092487" y="3171407"/>
                  <a:pt x="8098063" y="3171823"/>
                </a:cubicBezTo>
                <a:cubicBezTo>
                  <a:pt x="8129247" y="3166310"/>
                  <a:pt x="8161139" y="3163352"/>
                  <a:pt x="8193525" y="3162829"/>
                </a:cubicBezTo>
                <a:close/>
                <a:moveTo>
                  <a:pt x="6532249" y="3161219"/>
                </a:moveTo>
                <a:lnTo>
                  <a:pt x="6549337" y="3162829"/>
                </a:lnTo>
                <a:cubicBezTo>
                  <a:pt x="6581722" y="3163352"/>
                  <a:pt x="6613615" y="3166310"/>
                  <a:pt x="6644798" y="3171823"/>
                </a:cubicBezTo>
                <a:cubicBezTo>
                  <a:pt x="6650374" y="3171407"/>
                  <a:pt x="6655702" y="3172348"/>
                  <a:pt x="6661011" y="3173350"/>
                </a:cubicBezTo>
                <a:lnTo>
                  <a:pt x="6661128" y="3174489"/>
                </a:lnTo>
                <a:cubicBezTo>
                  <a:pt x="7019978" y="3233421"/>
                  <a:pt x="7301017" y="3511992"/>
                  <a:pt x="7351294" y="3862087"/>
                </a:cubicBezTo>
                <a:cubicBezTo>
                  <a:pt x="7351461" y="3862140"/>
                  <a:pt x="7351631" y="3862145"/>
                  <a:pt x="7351799" y="3862150"/>
                </a:cubicBezTo>
                <a:lnTo>
                  <a:pt x="7352340" y="3868787"/>
                </a:lnTo>
                <a:cubicBezTo>
                  <a:pt x="7357396" y="3898794"/>
                  <a:pt x="7359846" y="3929436"/>
                  <a:pt x="7359804" y="3960518"/>
                </a:cubicBezTo>
                <a:cubicBezTo>
                  <a:pt x="7361116" y="3966104"/>
                  <a:pt x="7361174" y="3971728"/>
                  <a:pt x="7361174" y="3977366"/>
                </a:cubicBezTo>
                <a:cubicBezTo>
                  <a:pt x="7361174" y="3981158"/>
                  <a:pt x="7361147" y="3984944"/>
                  <a:pt x="7360581" y="3988716"/>
                </a:cubicBezTo>
                <a:lnTo>
                  <a:pt x="7360082" y="3988683"/>
                </a:lnTo>
                <a:lnTo>
                  <a:pt x="7360056" y="3989174"/>
                </a:lnTo>
                <a:lnTo>
                  <a:pt x="7342938" y="3987561"/>
                </a:lnTo>
                <a:cubicBezTo>
                  <a:pt x="7310564" y="3987038"/>
                  <a:pt x="7278683" y="3984080"/>
                  <a:pt x="7247511" y="3978570"/>
                </a:cubicBezTo>
                <a:cubicBezTo>
                  <a:pt x="7241934" y="3978986"/>
                  <a:pt x="7236605" y="3978045"/>
                  <a:pt x="7231295" y="3977042"/>
                </a:cubicBezTo>
                <a:lnTo>
                  <a:pt x="7231179" y="3975903"/>
                </a:lnTo>
                <a:cubicBezTo>
                  <a:pt x="6872327" y="3916971"/>
                  <a:pt x="6591288" y="3638399"/>
                  <a:pt x="6541013" y="3288305"/>
                </a:cubicBezTo>
                <a:cubicBezTo>
                  <a:pt x="6540845" y="3288253"/>
                  <a:pt x="6540677" y="3288248"/>
                  <a:pt x="6540507" y="3288243"/>
                </a:cubicBezTo>
                <a:lnTo>
                  <a:pt x="6539969" y="3281619"/>
                </a:lnTo>
                <a:cubicBezTo>
                  <a:pt x="6534910" y="3251607"/>
                  <a:pt x="6532460" y="3220958"/>
                  <a:pt x="6532502" y="3189869"/>
                </a:cubicBezTo>
                <a:cubicBezTo>
                  <a:pt x="6531190" y="3184286"/>
                  <a:pt x="6531131" y="3178663"/>
                  <a:pt x="6531131" y="3173027"/>
                </a:cubicBezTo>
                <a:lnTo>
                  <a:pt x="6531725" y="3161677"/>
                </a:lnTo>
                <a:lnTo>
                  <a:pt x="6532223" y="3161709"/>
                </a:lnTo>
                <a:close/>
                <a:moveTo>
                  <a:pt x="6518461" y="3161219"/>
                </a:moveTo>
                <a:lnTo>
                  <a:pt x="6518487" y="3161709"/>
                </a:lnTo>
                <a:lnTo>
                  <a:pt x="6518985" y="3161677"/>
                </a:lnTo>
                <a:lnTo>
                  <a:pt x="6519579" y="3173027"/>
                </a:lnTo>
                <a:cubicBezTo>
                  <a:pt x="6519579" y="3178663"/>
                  <a:pt x="6519520" y="3184286"/>
                  <a:pt x="6518208" y="3189869"/>
                </a:cubicBezTo>
                <a:cubicBezTo>
                  <a:pt x="6518250" y="3220958"/>
                  <a:pt x="6515800" y="3251607"/>
                  <a:pt x="6510741" y="3281619"/>
                </a:cubicBezTo>
                <a:lnTo>
                  <a:pt x="6510203" y="3288243"/>
                </a:lnTo>
                <a:cubicBezTo>
                  <a:pt x="6510033" y="3288248"/>
                  <a:pt x="6509865" y="3288253"/>
                  <a:pt x="6509697" y="3288305"/>
                </a:cubicBezTo>
                <a:cubicBezTo>
                  <a:pt x="6459422" y="3638399"/>
                  <a:pt x="6178383" y="3916971"/>
                  <a:pt x="5819531" y="3975903"/>
                </a:cubicBezTo>
                <a:lnTo>
                  <a:pt x="5819415" y="3977042"/>
                </a:lnTo>
                <a:cubicBezTo>
                  <a:pt x="5814105" y="3978045"/>
                  <a:pt x="5808776" y="3978986"/>
                  <a:pt x="5803199" y="3978570"/>
                </a:cubicBezTo>
                <a:cubicBezTo>
                  <a:pt x="5772027" y="3984080"/>
                  <a:pt x="5740146" y="3987038"/>
                  <a:pt x="5707772" y="3987561"/>
                </a:cubicBezTo>
                <a:lnTo>
                  <a:pt x="5690654" y="3989174"/>
                </a:lnTo>
                <a:lnTo>
                  <a:pt x="5690628" y="3988683"/>
                </a:lnTo>
                <a:lnTo>
                  <a:pt x="5690129" y="3988716"/>
                </a:lnTo>
                <a:cubicBezTo>
                  <a:pt x="5689563" y="3984944"/>
                  <a:pt x="5689536" y="3981158"/>
                  <a:pt x="5689536" y="3977366"/>
                </a:cubicBezTo>
                <a:cubicBezTo>
                  <a:pt x="5689536" y="3971728"/>
                  <a:pt x="5689594" y="3966104"/>
                  <a:pt x="5690906" y="3960518"/>
                </a:cubicBezTo>
                <a:cubicBezTo>
                  <a:pt x="5690864" y="3929436"/>
                  <a:pt x="5693314" y="3898794"/>
                  <a:pt x="5698370" y="3868787"/>
                </a:cubicBezTo>
                <a:lnTo>
                  <a:pt x="5698911" y="3862150"/>
                </a:lnTo>
                <a:cubicBezTo>
                  <a:pt x="5699079" y="3862145"/>
                  <a:pt x="5699249" y="3862140"/>
                  <a:pt x="5699416" y="3862087"/>
                </a:cubicBezTo>
                <a:cubicBezTo>
                  <a:pt x="5749693" y="3511992"/>
                  <a:pt x="6030732" y="3233421"/>
                  <a:pt x="6389582" y="3174489"/>
                </a:cubicBezTo>
                <a:lnTo>
                  <a:pt x="6389699" y="3173350"/>
                </a:lnTo>
                <a:cubicBezTo>
                  <a:pt x="6395008" y="3172348"/>
                  <a:pt x="6400336" y="3171407"/>
                  <a:pt x="6405912" y="3171823"/>
                </a:cubicBezTo>
                <a:cubicBezTo>
                  <a:pt x="6437095" y="3166310"/>
                  <a:pt x="6468988" y="3163352"/>
                  <a:pt x="6501373" y="3162829"/>
                </a:cubicBezTo>
                <a:close/>
                <a:moveTo>
                  <a:pt x="4840098" y="3161219"/>
                </a:moveTo>
                <a:lnTo>
                  <a:pt x="4857185" y="3162829"/>
                </a:lnTo>
                <a:cubicBezTo>
                  <a:pt x="4889571" y="3163352"/>
                  <a:pt x="4921463" y="3166310"/>
                  <a:pt x="4952647" y="3171823"/>
                </a:cubicBezTo>
                <a:cubicBezTo>
                  <a:pt x="4958223" y="3171407"/>
                  <a:pt x="4963551" y="3172348"/>
                  <a:pt x="4968859" y="3173350"/>
                </a:cubicBezTo>
                <a:lnTo>
                  <a:pt x="4968976" y="3174489"/>
                </a:lnTo>
                <a:cubicBezTo>
                  <a:pt x="5327827" y="3233421"/>
                  <a:pt x="5608866" y="3511992"/>
                  <a:pt x="5659142" y="3862087"/>
                </a:cubicBezTo>
                <a:cubicBezTo>
                  <a:pt x="5659310" y="3862140"/>
                  <a:pt x="5659479" y="3862145"/>
                  <a:pt x="5659648" y="3862150"/>
                </a:cubicBezTo>
                <a:lnTo>
                  <a:pt x="5660188" y="3868787"/>
                </a:lnTo>
                <a:cubicBezTo>
                  <a:pt x="5665245" y="3898794"/>
                  <a:pt x="5667694" y="3929436"/>
                  <a:pt x="5667652" y="3960518"/>
                </a:cubicBezTo>
                <a:cubicBezTo>
                  <a:pt x="5668964" y="3966104"/>
                  <a:pt x="5669023" y="3971728"/>
                  <a:pt x="5669023" y="3977366"/>
                </a:cubicBezTo>
                <a:cubicBezTo>
                  <a:pt x="5669023" y="3981158"/>
                  <a:pt x="5668996" y="3984944"/>
                  <a:pt x="5668430" y="3988716"/>
                </a:cubicBezTo>
                <a:lnTo>
                  <a:pt x="5667931" y="3988683"/>
                </a:lnTo>
                <a:lnTo>
                  <a:pt x="5667905" y="3989174"/>
                </a:lnTo>
                <a:lnTo>
                  <a:pt x="5650786" y="3987561"/>
                </a:lnTo>
                <a:cubicBezTo>
                  <a:pt x="5618412" y="3987038"/>
                  <a:pt x="5586532" y="3984080"/>
                  <a:pt x="5555360" y="3978570"/>
                </a:cubicBezTo>
                <a:cubicBezTo>
                  <a:pt x="5549783" y="3978986"/>
                  <a:pt x="5544454" y="3978045"/>
                  <a:pt x="5539143" y="3977042"/>
                </a:cubicBezTo>
                <a:lnTo>
                  <a:pt x="5539027" y="3975903"/>
                </a:lnTo>
                <a:cubicBezTo>
                  <a:pt x="5180176" y="3916971"/>
                  <a:pt x="4899137" y="3638399"/>
                  <a:pt x="4848861" y="3288305"/>
                </a:cubicBezTo>
                <a:cubicBezTo>
                  <a:pt x="4848694" y="3288253"/>
                  <a:pt x="4848525" y="3288248"/>
                  <a:pt x="4848356" y="3288243"/>
                </a:cubicBezTo>
                <a:lnTo>
                  <a:pt x="4847817" y="3281619"/>
                </a:lnTo>
                <a:cubicBezTo>
                  <a:pt x="4842759" y="3251607"/>
                  <a:pt x="4840308" y="3220958"/>
                  <a:pt x="4840350" y="3189869"/>
                </a:cubicBezTo>
                <a:cubicBezTo>
                  <a:pt x="4839038" y="3184286"/>
                  <a:pt x="4838980" y="3178663"/>
                  <a:pt x="4838980" y="3173027"/>
                </a:cubicBezTo>
                <a:lnTo>
                  <a:pt x="4839574" y="3161677"/>
                </a:lnTo>
                <a:lnTo>
                  <a:pt x="4840072" y="3161709"/>
                </a:lnTo>
                <a:close/>
                <a:moveTo>
                  <a:pt x="4826310" y="3161219"/>
                </a:moveTo>
                <a:lnTo>
                  <a:pt x="4826336" y="3161709"/>
                </a:lnTo>
                <a:lnTo>
                  <a:pt x="4826834" y="3161677"/>
                </a:lnTo>
                <a:lnTo>
                  <a:pt x="4827428" y="3173027"/>
                </a:lnTo>
                <a:cubicBezTo>
                  <a:pt x="4827428" y="3178663"/>
                  <a:pt x="4827369" y="3184286"/>
                  <a:pt x="4826057" y="3189869"/>
                </a:cubicBezTo>
                <a:cubicBezTo>
                  <a:pt x="4826099" y="3220958"/>
                  <a:pt x="4823649" y="3251607"/>
                  <a:pt x="4818590" y="3281619"/>
                </a:cubicBezTo>
                <a:lnTo>
                  <a:pt x="4818052" y="3288243"/>
                </a:lnTo>
                <a:cubicBezTo>
                  <a:pt x="4817882" y="3288248"/>
                  <a:pt x="4817714" y="3288253"/>
                  <a:pt x="4817546" y="3288305"/>
                </a:cubicBezTo>
                <a:cubicBezTo>
                  <a:pt x="4767271" y="3638399"/>
                  <a:pt x="4486232" y="3916971"/>
                  <a:pt x="4127381" y="3975903"/>
                </a:cubicBezTo>
                <a:lnTo>
                  <a:pt x="4127264" y="3977042"/>
                </a:lnTo>
                <a:cubicBezTo>
                  <a:pt x="4121954" y="3978045"/>
                  <a:pt x="4116625" y="3978986"/>
                  <a:pt x="4111048" y="3978570"/>
                </a:cubicBezTo>
                <a:cubicBezTo>
                  <a:pt x="4079876" y="3984080"/>
                  <a:pt x="4047996" y="3987038"/>
                  <a:pt x="4015621" y="3987561"/>
                </a:cubicBezTo>
                <a:lnTo>
                  <a:pt x="3998503" y="3989174"/>
                </a:lnTo>
                <a:lnTo>
                  <a:pt x="3998477" y="3988683"/>
                </a:lnTo>
                <a:lnTo>
                  <a:pt x="3997978" y="3988716"/>
                </a:lnTo>
                <a:cubicBezTo>
                  <a:pt x="3997412" y="3984944"/>
                  <a:pt x="3997385" y="3981158"/>
                  <a:pt x="3997385" y="3977366"/>
                </a:cubicBezTo>
                <a:cubicBezTo>
                  <a:pt x="3997385" y="3971728"/>
                  <a:pt x="3997443" y="3966104"/>
                  <a:pt x="3998755" y="3960518"/>
                </a:cubicBezTo>
                <a:cubicBezTo>
                  <a:pt x="3998713" y="3929436"/>
                  <a:pt x="4001163" y="3898794"/>
                  <a:pt x="4006219" y="3868787"/>
                </a:cubicBezTo>
                <a:lnTo>
                  <a:pt x="4006760" y="3862150"/>
                </a:lnTo>
                <a:cubicBezTo>
                  <a:pt x="4006928" y="3862145"/>
                  <a:pt x="4007098" y="3862140"/>
                  <a:pt x="4007265" y="3862087"/>
                </a:cubicBezTo>
                <a:cubicBezTo>
                  <a:pt x="4057542" y="3511992"/>
                  <a:pt x="4338581" y="3233421"/>
                  <a:pt x="4697431" y="3174489"/>
                </a:cubicBezTo>
                <a:lnTo>
                  <a:pt x="4697548" y="3173350"/>
                </a:lnTo>
                <a:cubicBezTo>
                  <a:pt x="4702857" y="3172348"/>
                  <a:pt x="4708185" y="3171407"/>
                  <a:pt x="4713761" y="3171823"/>
                </a:cubicBezTo>
                <a:cubicBezTo>
                  <a:pt x="4744944" y="3166310"/>
                  <a:pt x="4776837" y="3163352"/>
                  <a:pt x="4809222" y="3162829"/>
                </a:cubicBezTo>
                <a:close/>
                <a:moveTo>
                  <a:pt x="3147947" y="3161219"/>
                </a:moveTo>
                <a:lnTo>
                  <a:pt x="3165034" y="3162829"/>
                </a:lnTo>
                <a:cubicBezTo>
                  <a:pt x="3197420" y="3163352"/>
                  <a:pt x="3229312" y="3166310"/>
                  <a:pt x="3260496" y="3171823"/>
                </a:cubicBezTo>
                <a:cubicBezTo>
                  <a:pt x="3266072" y="3171407"/>
                  <a:pt x="3271400" y="3172348"/>
                  <a:pt x="3276708" y="3173350"/>
                </a:cubicBezTo>
                <a:lnTo>
                  <a:pt x="3276826" y="3174489"/>
                </a:lnTo>
                <a:cubicBezTo>
                  <a:pt x="3635676" y="3233421"/>
                  <a:pt x="3916715" y="3511992"/>
                  <a:pt x="3966991" y="3862087"/>
                </a:cubicBezTo>
                <a:cubicBezTo>
                  <a:pt x="3967159" y="3862140"/>
                  <a:pt x="3967328" y="3862145"/>
                  <a:pt x="3967497" y="3862150"/>
                </a:cubicBezTo>
                <a:lnTo>
                  <a:pt x="3968037" y="3868787"/>
                </a:lnTo>
                <a:cubicBezTo>
                  <a:pt x="3973094" y="3898794"/>
                  <a:pt x="3975543" y="3929436"/>
                  <a:pt x="3975501" y="3960518"/>
                </a:cubicBezTo>
                <a:cubicBezTo>
                  <a:pt x="3976813" y="3966104"/>
                  <a:pt x="3976872" y="3971728"/>
                  <a:pt x="3976872" y="3977366"/>
                </a:cubicBezTo>
                <a:cubicBezTo>
                  <a:pt x="3976872" y="3981158"/>
                  <a:pt x="3976845" y="3984944"/>
                  <a:pt x="3976279" y="3988716"/>
                </a:cubicBezTo>
                <a:lnTo>
                  <a:pt x="3975780" y="3988683"/>
                </a:lnTo>
                <a:lnTo>
                  <a:pt x="3975754" y="3989174"/>
                </a:lnTo>
                <a:lnTo>
                  <a:pt x="3958635" y="3987561"/>
                </a:lnTo>
                <a:cubicBezTo>
                  <a:pt x="3926261" y="3987038"/>
                  <a:pt x="3894381" y="3984080"/>
                  <a:pt x="3863209" y="3978570"/>
                </a:cubicBezTo>
                <a:cubicBezTo>
                  <a:pt x="3857632" y="3978986"/>
                  <a:pt x="3852303" y="3978045"/>
                  <a:pt x="3846992" y="3977042"/>
                </a:cubicBezTo>
                <a:lnTo>
                  <a:pt x="3846876" y="3975903"/>
                </a:lnTo>
                <a:cubicBezTo>
                  <a:pt x="3488025" y="3916971"/>
                  <a:pt x="3206986" y="3638399"/>
                  <a:pt x="3156710" y="3288305"/>
                </a:cubicBezTo>
                <a:cubicBezTo>
                  <a:pt x="3156543" y="3288253"/>
                  <a:pt x="3156374" y="3288248"/>
                  <a:pt x="3156205" y="3288243"/>
                </a:cubicBezTo>
                <a:lnTo>
                  <a:pt x="3155667" y="3281619"/>
                </a:lnTo>
                <a:cubicBezTo>
                  <a:pt x="3150608" y="3251607"/>
                  <a:pt x="3148157" y="3220958"/>
                  <a:pt x="3148199" y="3189869"/>
                </a:cubicBezTo>
                <a:cubicBezTo>
                  <a:pt x="3146887" y="3184286"/>
                  <a:pt x="3146829" y="3178663"/>
                  <a:pt x="3146829" y="3173027"/>
                </a:cubicBezTo>
                <a:lnTo>
                  <a:pt x="3147423" y="3161677"/>
                </a:lnTo>
                <a:lnTo>
                  <a:pt x="3147921" y="3161709"/>
                </a:lnTo>
                <a:close/>
                <a:moveTo>
                  <a:pt x="3134159" y="3161219"/>
                </a:moveTo>
                <a:lnTo>
                  <a:pt x="3134185" y="3161709"/>
                </a:lnTo>
                <a:lnTo>
                  <a:pt x="3134683" y="3161677"/>
                </a:lnTo>
                <a:lnTo>
                  <a:pt x="3135277" y="3173027"/>
                </a:lnTo>
                <a:cubicBezTo>
                  <a:pt x="3135277" y="3178663"/>
                  <a:pt x="3135218" y="3184286"/>
                  <a:pt x="3133906" y="3189869"/>
                </a:cubicBezTo>
                <a:cubicBezTo>
                  <a:pt x="3133948" y="3220958"/>
                  <a:pt x="3131498" y="3251607"/>
                  <a:pt x="3126439" y="3281619"/>
                </a:cubicBezTo>
                <a:lnTo>
                  <a:pt x="3125901" y="3288243"/>
                </a:lnTo>
                <a:cubicBezTo>
                  <a:pt x="3125731" y="3288248"/>
                  <a:pt x="3125563" y="3288253"/>
                  <a:pt x="3125395" y="3288305"/>
                </a:cubicBezTo>
                <a:cubicBezTo>
                  <a:pt x="3075120" y="3638399"/>
                  <a:pt x="2794081" y="3916971"/>
                  <a:pt x="2435230" y="3975903"/>
                </a:cubicBezTo>
                <a:lnTo>
                  <a:pt x="2435113" y="3977042"/>
                </a:lnTo>
                <a:cubicBezTo>
                  <a:pt x="2429803" y="3978045"/>
                  <a:pt x="2424474" y="3978986"/>
                  <a:pt x="2418897" y="3978570"/>
                </a:cubicBezTo>
                <a:cubicBezTo>
                  <a:pt x="2387725" y="3984080"/>
                  <a:pt x="2355845" y="3987038"/>
                  <a:pt x="2323470" y="3987561"/>
                </a:cubicBezTo>
                <a:lnTo>
                  <a:pt x="2306352" y="3989174"/>
                </a:lnTo>
                <a:lnTo>
                  <a:pt x="2306326" y="3988683"/>
                </a:lnTo>
                <a:lnTo>
                  <a:pt x="2305827" y="3988716"/>
                </a:lnTo>
                <a:cubicBezTo>
                  <a:pt x="2305261" y="3984944"/>
                  <a:pt x="2305234" y="3981158"/>
                  <a:pt x="2305234" y="3977366"/>
                </a:cubicBezTo>
                <a:cubicBezTo>
                  <a:pt x="2305234" y="3971728"/>
                  <a:pt x="2305292" y="3966104"/>
                  <a:pt x="2306604" y="3960518"/>
                </a:cubicBezTo>
                <a:cubicBezTo>
                  <a:pt x="2306562" y="3929436"/>
                  <a:pt x="2309012" y="3898794"/>
                  <a:pt x="2314068" y="3868787"/>
                </a:cubicBezTo>
                <a:lnTo>
                  <a:pt x="2314609" y="3862150"/>
                </a:lnTo>
                <a:cubicBezTo>
                  <a:pt x="2314777" y="3862145"/>
                  <a:pt x="2314947" y="3862140"/>
                  <a:pt x="2315114" y="3862087"/>
                </a:cubicBezTo>
                <a:cubicBezTo>
                  <a:pt x="2365391" y="3511992"/>
                  <a:pt x="2646430" y="3233421"/>
                  <a:pt x="3005280" y="3174489"/>
                </a:cubicBezTo>
                <a:lnTo>
                  <a:pt x="3005397" y="3173350"/>
                </a:lnTo>
                <a:cubicBezTo>
                  <a:pt x="3010706" y="3172348"/>
                  <a:pt x="3016034" y="3171407"/>
                  <a:pt x="3021610" y="3171823"/>
                </a:cubicBezTo>
                <a:cubicBezTo>
                  <a:pt x="3052793" y="3166310"/>
                  <a:pt x="3084686" y="3163352"/>
                  <a:pt x="3117071" y="3162829"/>
                </a:cubicBezTo>
                <a:close/>
                <a:moveTo>
                  <a:pt x="1455796" y="3161219"/>
                </a:moveTo>
                <a:lnTo>
                  <a:pt x="1472883" y="3162829"/>
                </a:lnTo>
                <a:cubicBezTo>
                  <a:pt x="1505269" y="3163352"/>
                  <a:pt x="1537161" y="3166310"/>
                  <a:pt x="1568345" y="3171823"/>
                </a:cubicBezTo>
                <a:cubicBezTo>
                  <a:pt x="1573921" y="3171407"/>
                  <a:pt x="1579249" y="3172348"/>
                  <a:pt x="1584557" y="3173350"/>
                </a:cubicBezTo>
                <a:lnTo>
                  <a:pt x="1584675" y="3174489"/>
                </a:lnTo>
                <a:cubicBezTo>
                  <a:pt x="1943525" y="3233421"/>
                  <a:pt x="2224564" y="3511992"/>
                  <a:pt x="2274840" y="3862087"/>
                </a:cubicBezTo>
                <a:cubicBezTo>
                  <a:pt x="2275008" y="3862140"/>
                  <a:pt x="2275177" y="3862145"/>
                  <a:pt x="2275346" y="3862150"/>
                </a:cubicBezTo>
                <a:lnTo>
                  <a:pt x="2275886" y="3868787"/>
                </a:lnTo>
                <a:cubicBezTo>
                  <a:pt x="2280943" y="3898794"/>
                  <a:pt x="2283392" y="3929436"/>
                  <a:pt x="2283350" y="3960518"/>
                </a:cubicBezTo>
                <a:cubicBezTo>
                  <a:pt x="2284662" y="3966104"/>
                  <a:pt x="2284721" y="3971728"/>
                  <a:pt x="2284721" y="3977366"/>
                </a:cubicBezTo>
                <a:cubicBezTo>
                  <a:pt x="2284721" y="3981158"/>
                  <a:pt x="2284694" y="3984944"/>
                  <a:pt x="2284128" y="3988716"/>
                </a:cubicBezTo>
                <a:lnTo>
                  <a:pt x="2283629" y="3988683"/>
                </a:lnTo>
                <a:lnTo>
                  <a:pt x="2283603" y="3989174"/>
                </a:lnTo>
                <a:lnTo>
                  <a:pt x="2266484" y="3987561"/>
                </a:lnTo>
                <a:cubicBezTo>
                  <a:pt x="2234110" y="3987038"/>
                  <a:pt x="2202230" y="3984080"/>
                  <a:pt x="2171058" y="3978570"/>
                </a:cubicBezTo>
                <a:cubicBezTo>
                  <a:pt x="2165481" y="3978986"/>
                  <a:pt x="2160152" y="3978045"/>
                  <a:pt x="2154841" y="3977042"/>
                </a:cubicBezTo>
                <a:lnTo>
                  <a:pt x="2154725" y="3975903"/>
                </a:lnTo>
                <a:cubicBezTo>
                  <a:pt x="1795874" y="3916971"/>
                  <a:pt x="1514835" y="3638399"/>
                  <a:pt x="1464559" y="3288305"/>
                </a:cubicBezTo>
                <a:cubicBezTo>
                  <a:pt x="1464392" y="3288253"/>
                  <a:pt x="1464223" y="3288248"/>
                  <a:pt x="1464054" y="3288243"/>
                </a:cubicBezTo>
                <a:lnTo>
                  <a:pt x="1463515" y="3281619"/>
                </a:lnTo>
                <a:cubicBezTo>
                  <a:pt x="1458457" y="3251607"/>
                  <a:pt x="1456006" y="3220958"/>
                  <a:pt x="1456048" y="3189869"/>
                </a:cubicBezTo>
                <a:cubicBezTo>
                  <a:pt x="1454736" y="3184286"/>
                  <a:pt x="1454678" y="3178663"/>
                  <a:pt x="1454678" y="3173027"/>
                </a:cubicBezTo>
                <a:lnTo>
                  <a:pt x="1455272" y="3161677"/>
                </a:lnTo>
                <a:lnTo>
                  <a:pt x="1455770" y="3161709"/>
                </a:lnTo>
                <a:close/>
                <a:moveTo>
                  <a:pt x="1442008" y="3161219"/>
                </a:moveTo>
                <a:lnTo>
                  <a:pt x="1442034" y="3161709"/>
                </a:lnTo>
                <a:lnTo>
                  <a:pt x="1442532" y="3161677"/>
                </a:lnTo>
                <a:lnTo>
                  <a:pt x="1443126" y="3173027"/>
                </a:lnTo>
                <a:cubicBezTo>
                  <a:pt x="1443126" y="3178663"/>
                  <a:pt x="1443067" y="3184286"/>
                  <a:pt x="1441755" y="3189869"/>
                </a:cubicBezTo>
                <a:cubicBezTo>
                  <a:pt x="1441797" y="3220958"/>
                  <a:pt x="1439347" y="3251607"/>
                  <a:pt x="1434288" y="3281619"/>
                </a:cubicBezTo>
                <a:lnTo>
                  <a:pt x="1433750" y="3288243"/>
                </a:lnTo>
                <a:cubicBezTo>
                  <a:pt x="1433580" y="3288248"/>
                  <a:pt x="1433412" y="3288253"/>
                  <a:pt x="1433244" y="3288305"/>
                </a:cubicBezTo>
                <a:cubicBezTo>
                  <a:pt x="1382969" y="3638399"/>
                  <a:pt x="1101930" y="3916971"/>
                  <a:pt x="743079" y="3975903"/>
                </a:cubicBezTo>
                <a:lnTo>
                  <a:pt x="742962" y="3977042"/>
                </a:lnTo>
                <a:cubicBezTo>
                  <a:pt x="737652" y="3978045"/>
                  <a:pt x="732323" y="3978986"/>
                  <a:pt x="726746" y="3978570"/>
                </a:cubicBezTo>
                <a:cubicBezTo>
                  <a:pt x="695574" y="3984080"/>
                  <a:pt x="663693" y="3987038"/>
                  <a:pt x="631319" y="3987561"/>
                </a:cubicBezTo>
                <a:lnTo>
                  <a:pt x="614201" y="3989174"/>
                </a:lnTo>
                <a:lnTo>
                  <a:pt x="614175" y="3988683"/>
                </a:lnTo>
                <a:lnTo>
                  <a:pt x="613676" y="3988716"/>
                </a:lnTo>
                <a:cubicBezTo>
                  <a:pt x="613110" y="3984944"/>
                  <a:pt x="613083" y="3981158"/>
                  <a:pt x="613083" y="3977366"/>
                </a:cubicBezTo>
                <a:cubicBezTo>
                  <a:pt x="613083" y="3971728"/>
                  <a:pt x="613141" y="3966104"/>
                  <a:pt x="614453" y="3960518"/>
                </a:cubicBezTo>
                <a:cubicBezTo>
                  <a:pt x="614411" y="3929436"/>
                  <a:pt x="616861" y="3898794"/>
                  <a:pt x="621917" y="3868787"/>
                </a:cubicBezTo>
                <a:lnTo>
                  <a:pt x="622458" y="3862150"/>
                </a:lnTo>
                <a:cubicBezTo>
                  <a:pt x="622626" y="3862145"/>
                  <a:pt x="622796" y="3862140"/>
                  <a:pt x="622963" y="3862087"/>
                </a:cubicBezTo>
                <a:cubicBezTo>
                  <a:pt x="673240" y="3511992"/>
                  <a:pt x="954279" y="3233421"/>
                  <a:pt x="1313129" y="3174489"/>
                </a:cubicBezTo>
                <a:lnTo>
                  <a:pt x="1313246" y="3173350"/>
                </a:lnTo>
                <a:cubicBezTo>
                  <a:pt x="1318555" y="3172348"/>
                  <a:pt x="1323883" y="3171407"/>
                  <a:pt x="1329459" y="3171823"/>
                </a:cubicBezTo>
                <a:cubicBezTo>
                  <a:pt x="1360642" y="3166310"/>
                  <a:pt x="1392535" y="3163352"/>
                  <a:pt x="1424920" y="3162829"/>
                </a:cubicBezTo>
                <a:close/>
                <a:moveTo>
                  <a:pt x="10909360" y="2447425"/>
                </a:moveTo>
                <a:cubicBezTo>
                  <a:pt x="10962636" y="2718331"/>
                  <a:pt x="11177479" y="2933128"/>
                  <a:pt x="11452669" y="2992271"/>
                </a:cubicBezTo>
                <a:cubicBezTo>
                  <a:pt x="11399394" y="2721365"/>
                  <a:pt x="11184550" y="2506568"/>
                  <a:pt x="10909360" y="2447425"/>
                </a:cubicBezTo>
                <a:close/>
                <a:moveTo>
                  <a:pt x="10602109" y="2447425"/>
                </a:moveTo>
                <a:cubicBezTo>
                  <a:pt x="10326919" y="2506568"/>
                  <a:pt x="10112075" y="2721365"/>
                  <a:pt x="10058800" y="2992271"/>
                </a:cubicBezTo>
                <a:cubicBezTo>
                  <a:pt x="10333990" y="2933128"/>
                  <a:pt x="10548833" y="2718331"/>
                  <a:pt x="10602109" y="2447425"/>
                </a:cubicBezTo>
                <a:close/>
                <a:moveTo>
                  <a:pt x="9217207" y="2447425"/>
                </a:moveTo>
                <a:cubicBezTo>
                  <a:pt x="9270483" y="2718331"/>
                  <a:pt x="9485326" y="2933128"/>
                  <a:pt x="9760516" y="2992271"/>
                </a:cubicBezTo>
                <a:cubicBezTo>
                  <a:pt x="9707241" y="2721365"/>
                  <a:pt x="9492397" y="2506568"/>
                  <a:pt x="9217207" y="2447425"/>
                </a:cubicBezTo>
                <a:close/>
                <a:moveTo>
                  <a:pt x="8909958" y="2447425"/>
                </a:moveTo>
                <a:cubicBezTo>
                  <a:pt x="8634768" y="2506568"/>
                  <a:pt x="8419924" y="2721365"/>
                  <a:pt x="8366649" y="2992271"/>
                </a:cubicBezTo>
                <a:cubicBezTo>
                  <a:pt x="8641839" y="2933128"/>
                  <a:pt x="8856682" y="2718331"/>
                  <a:pt x="8909958" y="2447425"/>
                </a:cubicBezTo>
                <a:close/>
                <a:moveTo>
                  <a:pt x="7525056" y="2447425"/>
                </a:moveTo>
                <a:cubicBezTo>
                  <a:pt x="7578332" y="2718331"/>
                  <a:pt x="7793175" y="2933128"/>
                  <a:pt x="8068365" y="2992271"/>
                </a:cubicBezTo>
                <a:cubicBezTo>
                  <a:pt x="8015090" y="2721365"/>
                  <a:pt x="7800246" y="2506568"/>
                  <a:pt x="7525056" y="2447425"/>
                </a:cubicBezTo>
                <a:close/>
                <a:moveTo>
                  <a:pt x="7217807" y="2447425"/>
                </a:moveTo>
                <a:cubicBezTo>
                  <a:pt x="6942617" y="2506568"/>
                  <a:pt x="6727773" y="2721365"/>
                  <a:pt x="6674498" y="2992271"/>
                </a:cubicBezTo>
                <a:cubicBezTo>
                  <a:pt x="6949688" y="2933128"/>
                  <a:pt x="7164531" y="2718331"/>
                  <a:pt x="7217807" y="2447425"/>
                </a:cubicBezTo>
                <a:close/>
                <a:moveTo>
                  <a:pt x="5832905" y="2447425"/>
                </a:moveTo>
                <a:cubicBezTo>
                  <a:pt x="5886181" y="2718331"/>
                  <a:pt x="6101024" y="2933128"/>
                  <a:pt x="6376214" y="2992271"/>
                </a:cubicBezTo>
                <a:cubicBezTo>
                  <a:pt x="6322939" y="2721365"/>
                  <a:pt x="6108095" y="2506568"/>
                  <a:pt x="5832905" y="2447425"/>
                </a:cubicBezTo>
                <a:close/>
                <a:moveTo>
                  <a:pt x="5525656" y="2447425"/>
                </a:moveTo>
                <a:cubicBezTo>
                  <a:pt x="5250466" y="2506568"/>
                  <a:pt x="5035622" y="2721365"/>
                  <a:pt x="4982347" y="2992271"/>
                </a:cubicBezTo>
                <a:cubicBezTo>
                  <a:pt x="5257537" y="2933128"/>
                  <a:pt x="5472380" y="2718331"/>
                  <a:pt x="5525656" y="2447425"/>
                </a:cubicBezTo>
                <a:close/>
                <a:moveTo>
                  <a:pt x="4140754" y="2447425"/>
                </a:moveTo>
                <a:cubicBezTo>
                  <a:pt x="4194030" y="2718331"/>
                  <a:pt x="4408873" y="2933128"/>
                  <a:pt x="4684063" y="2992271"/>
                </a:cubicBezTo>
                <a:cubicBezTo>
                  <a:pt x="4630788" y="2721365"/>
                  <a:pt x="4415944" y="2506568"/>
                  <a:pt x="4140754" y="2447425"/>
                </a:cubicBezTo>
                <a:close/>
                <a:moveTo>
                  <a:pt x="3833505" y="2447425"/>
                </a:moveTo>
                <a:cubicBezTo>
                  <a:pt x="3558315" y="2506568"/>
                  <a:pt x="3343471" y="2721365"/>
                  <a:pt x="3290196" y="2992271"/>
                </a:cubicBezTo>
                <a:cubicBezTo>
                  <a:pt x="3565386" y="2933128"/>
                  <a:pt x="3780229" y="2718331"/>
                  <a:pt x="3833505" y="2447425"/>
                </a:cubicBezTo>
                <a:close/>
                <a:moveTo>
                  <a:pt x="2448603" y="2447425"/>
                </a:moveTo>
                <a:cubicBezTo>
                  <a:pt x="2501879" y="2718331"/>
                  <a:pt x="2716722" y="2933128"/>
                  <a:pt x="2991912" y="2992271"/>
                </a:cubicBezTo>
                <a:cubicBezTo>
                  <a:pt x="2938637" y="2721365"/>
                  <a:pt x="2723793" y="2506568"/>
                  <a:pt x="2448603" y="2447425"/>
                </a:cubicBezTo>
                <a:close/>
                <a:moveTo>
                  <a:pt x="2141354" y="2447425"/>
                </a:moveTo>
                <a:cubicBezTo>
                  <a:pt x="1866164" y="2506568"/>
                  <a:pt x="1651320" y="2721365"/>
                  <a:pt x="1598045" y="2992271"/>
                </a:cubicBezTo>
                <a:cubicBezTo>
                  <a:pt x="1873235" y="2933128"/>
                  <a:pt x="2088078" y="2718331"/>
                  <a:pt x="2141354" y="2447425"/>
                </a:cubicBezTo>
                <a:close/>
                <a:moveTo>
                  <a:pt x="756452" y="2447425"/>
                </a:moveTo>
                <a:cubicBezTo>
                  <a:pt x="809728" y="2718331"/>
                  <a:pt x="1024571" y="2933128"/>
                  <a:pt x="1299761" y="2992271"/>
                </a:cubicBezTo>
                <a:cubicBezTo>
                  <a:pt x="1246486" y="2721365"/>
                  <a:pt x="1031642" y="2506568"/>
                  <a:pt x="756452" y="2447425"/>
                </a:cubicBezTo>
                <a:close/>
                <a:moveTo>
                  <a:pt x="12192000" y="2344615"/>
                </a:moveTo>
                <a:lnTo>
                  <a:pt x="12192000" y="2477663"/>
                </a:lnTo>
                <a:cubicBezTo>
                  <a:pt x="11966807" y="2562375"/>
                  <a:pt x="11797421" y="2755980"/>
                  <a:pt x="11750953" y="2992271"/>
                </a:cubicBezTo>
                <a:cubicBezTo>
                  <a:pt x="11935988" y="2952504"/>
                  <a:pt x="12093739" y="2842365"/>
                  <a:pt x="12192000" y="2691161"/>
                </a:cubicBezTo>
                <a:lnTo>
                  <a:pt x="12192000" y="2892735"/>
                </a:lnTo>
                <a:cubicBezTo>
                  <a:pt x="12071770" y="3011736"/>
                  <a:pt x="11914089" y="3094511"/>
                  <a:pt x="11737582" y="3123727"/>
                </a:cubicBezTo>
                <a:lnTo>
                  <a:pt x="11737466" y="3124875"/>
                </a:lnTo>
                <a:cubicBezTo>
                  <a:pt x="11732155" y="3125886"/>
                  <a:pt x="11726826" y="3126834"/>
                  <a:pt x="11721249" y="3126415"/>
                </a:cubicBezTo>
                <a:cubicBezTo>
                  <a:pt x="11690077" y="3131969"/>
                  <a:pt x="11658197" y="3134950"/>
                  <a:pt x="11625822" y="3135477"/>
                </a:cubicBezTo>
                <a:lnTo>
                  <a:pt x="11608704" y="3137103"/>
                </a:lnTo>
                <a:lnTo>
                  <a:pt x="11608678" y="3136608"/>
                </a:lnTo>
                <a:lnTo>
                  <a:pt x="11608179" y="3136641"/>
                </a:lnTo>
                <a:cubicBezTo>
                  <a:pt x="11607613" y="3132839"/>
                  <a:pt x="11607586" y="3129023"/>
                  <a:pt x="11607586" y="3125201"/>
                </a:cubicBezTo>
                <a:cubicBezTo>
                  <a:pt x="11607586" y="3119519"/>
                  <a:pt x="11607645" y="3113850"/>
                  <a:pt x="11608957" y="3108220"/>
                </a:cubicBezTo>
                <a:cubicBezTo>
                  <a:pt x="11608914" y="3076892"/>
                  <a:pt x="11611364" y="3046007"/>
                  <a:pt x="11616421" y="3015763"/>
                </a:cubicBezTo>
                <a:lnTo>
                  <a:pt x="11616961" y="3009073"/>
                </a:lnTo>
                <a:cubicBezTo>
                  <a:pt x="11617130" y="3009068"/>
                  <a:pt x="11617299" y="3009063"/>
                  <a:pt x="11617466" y="3009010"/>
                </a:cubicBezTo>
                <a:cubicBezTo>
                  <a:pt x="11662185" y="2695154"/>
                  <a:pt x="11889463" y="2438329"/>
                  <a:pt x="12192000" y="2344615"/>
                </a:cubicBezTo>
                <a:close/>
                <a:moveTo>
                  <a:pt x="10767111" y="2302594"/>
                </a:moveTo>
                <a:lnTo>
                  <a:pt x="10784198" y="2304217"/>
                </a:lnTo>
                <a:cubicBezTo>
                  <a:pt x="10816584" y="2304744"/>
                  <a:pt x="10848477" y="2307725"/>
                  <a:pt x="10879660" y="2313282"/>
                </a:cubicBezTo>
                <a:cubicBezTo>
                  <a:pt x="10885236" y="2312863"/>
                  <a:pt x="10890564" y="2313811"/>
                  <a:pt x="10895873" y="2314821"/>
                </a:cubicBezTo>
                <a:lnTo>
                  <a:pt x="10895990" y="2315969"/>
                </a:lnTo>
                <a:cubicBezTo>
                  <a:pt x="11254840" y="2375367"/>
                  <a:pt x="11535879" y="2656144"/>
                  <a:pt x="11586156" y="3009010"/>
                </a:cubicBezTo>
                <a:cubicBezTo>
                  <a:pt x="11586323" y="3009063"/>
                  <a:pt x="11586492" y="3009068"/>
                  <a:pt x="11586661" y="3009073"/>
                </a:cubicBezTo>
                <a:lnTo>
                  <a:pt x="11587201" y="3015763"/>
                </a:lnTo>
                <a:cubicBezTo>
                  <a:pt x="11592258" y="3046007"/>
                  <a:pt x="11594708" y="3076892"/>
                  <a:pt x="11594665" y="3108220"/>
                </a:cubicBezTo>
                <a:cubicBezTo>
                  <a:pt x="11595977" y="3113850"/>
                  <a:pt x="11596036" y="3119519"/>
                  <a:pt x="11596036" y="3125201"/>
                </a:cubicBezTo>
                <a:cubicBezTo>
                  <a:pt x="11596036" y="3129023"/>
                  <a:pt x="11596009" y="3132839"/>
                  <a:pt x="11595443" y="3136641"/>
                </a:cubicBezTo>
                <a:lnTo>
                  <a:pt x="11594944" y="3136608"/>
                </a:lnTo>
                <a:lnTo>
                  <a:pt x="11594918" y="3137103"/>
                </a:lnTo>
                <a:lnTo>
                  <a:pt x="11577800" y="3135477"/>
                </a:lnTo>
                <a:cubicBezTo>
                  <a:pt x="11545425" y="3134950"/>
                  <a:pt x="11513545" y="3131969"/>
                  <a:pt x="11482373" y="3126415"/>
                </a:cubicBezTo>
                <a:cubicBezTo>
                  <a:pt x="11476796" y="3126834"/>
                  <a:pt x="11471467" y="3125886"/>
                  <a:pt x="11466156" y="3124875"/>
                </a:cubicBezTo>
                <a:lnTo>
                  <a:pt x="11466040" y="3123727"/>
                </a:lnTo>
                <a:cubicBezTo>
                  <a:pt x="11107189" y="3064328"/>
                  <a:pt x="10826150" y="2783551"/>
                  <a:pt x="10775875" y="2430686"/>
                </a:cubicBezTo>
                <a:cubicBezTo>
                  <a:pt x="10775707" y="2430633"/>
                  <a:pt x="10775539" y="2430628"/>
                  <a:pt x="10775369" y="2430623"/>
                </a:cubicBezTo>
                <a:lnTo>
                  <a:pt x="10774831" y="2423947"/>
                </a:lnTo>
                <a:cubicBezTo>
                  <a:pt x="10769772" y="2393697"/>
                  <a:pt x="10767321" y="2362806"/>
                  <a:pt x="10767364" y="2331471"/>
                </a:cubicBezTo>
                <a:cubicBezTo>
                  <a:pt x="10766052" y="2325843"/>
                  <a:pt x="10765993" y="2320176"/>
                  <a:pt x="10765993" y="2314495"/>
                </a:cubicBezTo>
                <a:lnTo>
                  <a:pt x="10766587" y="2303055"/>
                </a:lnTo>
                <a:lnTo>
                  <a:pt x="10767085" y="2303088"/>
                </a:lnTo>
                <a:close/>
                <a:moveTo>
                  <a:pt x="10744358" y="2302594"/>
                </a:moveTo>
                <a:lnTo>
                  <a:pt x="10744384" y="2303088"/>
                </a:lnTo>
                <a:lnTo>
                  <a:pt x="10744882" y="2303055"/>
                </a:lnTo>
                <a:lnTo>
                  <a:pt x="10745476" y="2314495"/>
                </a:lnTo>
                <a:cubicBezTo>
                  <a:pt x="10745476" y="2320176"/>
                  <a:pt x="10745417" y="2325843"/>
                  <a:pt x="10744105" y="2331471"/>
                </a:cubicBezTo>
                <a:cubicBezTo>
                  <a:pt x="10744148" y="2362806"/>
                  <a:pt x="10741697" y="2393697"/>
                  <a:pt x="10736638" y="2423947"/>
                </a:cubicBezTo>
                <a:lnTo>
                  <a:pt x="10736100" y="2430623"/>
                </a:lnTo>
                <a:cubicBezTo>
                  <a:pt x="10735930" y="2430628"/>
                  <a:pt x="10735762" y="2430633"/>
                  <a:pt x="10735594" y="2430686"/>
                </a:cubicBezTo>
                <a:cubicBezTo>
                  <a:pt x="10685319" y="2783551"/>
                  <a:pt x="10404280" y="3064328"/>
                  <a:pt x="10045429" y="3123727"/>
                </a:cubicBezTo>
                <a:lnTo>
                  <a:pt x="10045313" y="3124875"/>
                </a:lnTo>
                <a:cubicBezTo>
                  <a:pt x="10040002" y="3125886"/>
                  <a:pt x="10034673" y="3126834"/>
                  <a:pt x="10029096" y="3126415"/>
                </a:cubicBezTo>
                <a:cubicBezTo>
                  <a:pt x="9997924" y="3131969"/>
                  <a:pt x="9966044" y="3134950"/>
                  <a:pt x="9933669" y="3135477"/>
                </a:cubicBezTo>
                <a:lnTo>
                  <a:pt x="9916551" y="3137103"/>
                </a:lnTo>
                <a:lnTo>
                  <a:pt x="9916525" y="3136608"/>
                </a:lnTo>
                <a:lnTo>
                  <a:pt x="9916026" y="3136641"/>
                </a:lnTo>
                <a:cubicBezTo>
                  <a:pt x="9915460" y="3132839"/>
                  <a:pt x="9915433" y="3129023"/>
                  <a:pt x="9915433" y="3125201"/>
                </a:cubicBezTo>
                <a:cubicBezTo>
                  <a:pt x="9915433" y="3119519"/>
                  <a:pt x="9915492" y="3113850"/>
                  <a:pt x="9916804" y="3108220"/>
                </a:cubicBezTo>
                <a:cubicBezTo>
                  <a:pt x="9916761" y="3076892"/>
                  <a:pt x="9919211" y="3046007"/>
                  <a:pt x="9924268" y="3015763"/>
                </a:cubicBezTo>
                <a:lnTo>
                  <a:pt x="9924808" y="3009073"/>
                </a:lnTo>
                <a:cubicBezTo>
                  <a:pt x="9924977" y="3009068"/>
                  <a:pt x="9925146" y="3009063"/>
                  <a:pt x="9925314" y="3009010"/>
                </a:cubicBezTo>
                <a:cubicBezTo>
                  <a:pt x="9975590" y="2656144"/>
                  <a:pt x="10256629" y="2375367"/>
                  <a:pt x="10615479" y="2315969"/>
                </a:cubicBezTo>
                <a:lnTo>
                  <a:pt x="10615596" y="2314821"/>
                </a:lnTo>
                <a:cubicBezTo>
                  <a:pt x="10620905" y="2313811"/>
                  <a:pt x="10626233" y="2312863"/>
                  <a:pt x="10631809" y="2313282"/>
                </a:cubicBezTo>
                <a:cubicBezTo>
                  <a:pt x="10662992" y="2307725"/>
                  <a:pt x="10694885" y="2304744"/>
                  <a:pt x="10727271" y="2304217"/>
                </a:cubicBezTo>
                <a:close/>
                <a:moveTo>
                  <a:pt x="9074958" y="2302594"/>
                </a:moveTo>
                <a:lnTo>
                  <a:pt x="9092045" y="2304217"/>
                </a:lnTo>
                <a:cubicBezTo>
                  <a:pt x="9124431" y="2304744"/>
                  <a:pt x="9156324" y="2307725"/>
                  <a:pt x="9187507" y="2313282"/>
                </a:cubicBezTo>
                <a:cubicBezTo>
                  <a:pt x="9193083" y="2312863"/>
                  <a:pt x="9198411" y="2313811"/>
                  <a:pt x="9203720" y="2314821"/>
                </a:cubicBezTo>
                <a:lnTo>
                  <a:pt x="9203837" y="2315969"/>
                </a:lnTo>
                <a:cubicBezTo>
                  <a:pt x="9562687" y="2375367"/>
                  <a:pt x="9843726" y="2656144"/>
                  <a:pt x="9894002" y="3009010"/>
                </a:cubicBezTo>
                <a:cubicBezTo>
                  <a:pt x="9894170" y="3009063"/>
                  <a:pt x="9894339" y="3009068"/>
                  <a:pt x="9894508" y="3009073"/>
                </a:cubicBezTo>
                <a:lnTo>
                  <a:pt x="9895048" y="3015763"/>
                </a:lnTo>
                <a:cubicBezTo>
                  <a:pt x="9900105" y="3046007"/>
                  <a:pt x="9902555" y="3076892"/>
                  <a:pt x="9902512" y="3108220"/>
                </a:cubicBezTo>
                <a:cubicBezTo>
                  <a:pt x="9903824" y="3113850"/>
                  <a:pt x="9903883" y="3119519"/>
                  <a:pt x="9903883" y="3125201"/>
                </a:cubicBezTo>
                <a:cubicBezTo>
                  <a:pt x="9903883" y="3129023"/>
                  <a:pt x="9903856" y="3132839"/>
                  <a:pt x="9903290" y="3136641"/>
                </a:cubicBezTo>
                <a:lnTo>
                  <a:pt x="9902791" y="3136608"/>
                </a:lnTo>
                <a:lnTo>
                  <a:pt x="9902765" y="3137103"/>
                </a:lnTo>
                <a:lnTo>
                  <a:pt x="9885647" y="3135477"/>
                </a:lnTo>
                <a:cubicBezTo>
                  <a:pt x="9853272" y="3134950"/>
                  <a:pt x="9821392" y="3131969"/>
                  <a:pt x="9790220" y="3126415"/>
                </a:cubicBezTo>
                <a:cubicBezTo>
                  <a:pt x="9784643" y="3126834"/>
                  <a:pt x="9779314" y="3125886"/>
                  <a:pt x="9774003" y="3124875"/>
                </a:cubicBezTo>
                <a:lnTo>
                  <a:pt x="9773887" y="3123727"/>
                </a:lnTo>
                <a:cubicBezTo>
                  <a:pt x="9415036" y="3064328"/>
                  <a:pt x="9133997" y="2783551"/>
                  <a:pt x="9083722" y="2430686"/>
                </a:cubicBezTo>
                <a:cubicBezTo>
                  <a:pt x="9083554" y="2430633"/>
                  <a:pt x="9083386" y="2430628"/>
                  <a:pt x="9083216" y="2430623"/>
                </a:cubicBezTo>
                <a:lnTo>
                  <a:pt x="9082678" y="2423947"/>
                </a:lnTo>
                <a:cubicBezTo>
                  <a:pt x="9077619" y="2393697"/>
                  <a:pt x="9075168" y="2362806"/>
                  <a:pt x="9075211" y="2331471"/>
                </a:cubicBezTo>
                <a:cubicBezTo>
                  <a:pt x="9073899" y="2325843"/>
                  <a:pt x="9073840" y="2320176"/>
                  <a:pt x="9073840" y="2314495"/>
                </a:cubicBezTo>
                <a:lnTo>
                  <a:pt x="9074434" y="2303055"/>
                </a:lnTo>
                <a:lnTo>
                  <a:pt x="9074932" y="2303088"/>
                </a:lnTo>
                <a:close/>
                <a:moveTo>
                  <a:pt x="9052207" y="2302594"/>
                </a:moveTo>
                <a:lnTo>
                  <a:pt x="9052233" y="2303088"/>
                </a:lnTo>
                <a:lnTo>
                  <a:pt x="9052731" y="2303055"/>
                </a:lnTo>
                <a:lnTo>
                  <a:pt x="9053325" y="2314495"/>
                </a:lnTo>
                <a:cubicBezTo>
                  <a:pt x="9053325" y="2320176"/>
                  <a:pt x="9053266" y="2325843"/>
                  <a:pt x="9051954" y="2331471"/>
                </a:cubicBezTo>
                <a:cubicBezTo>
                  <a:pt x="9051997" y="2362806"/>
                  <a:pt x="9049546" y="2393697"/>
                  <a:pt x="9044487" y="2423947"/>
                </a:cubicBezTo>
                <a:lnTo>
                  <a:pt x="9043949" y="2430623"/>
                </a:lnTo>
                <a:cubicBezTo>
                  <a:pt x="9043779" y="2430628"/>
                  <a:pt x="9043611" y="2430633"/>
                  <a:pt x="9043443" y="2430686"/>
                </a:cubicBezTo>
                <a:cubicBezTo>
                  <a:pt x="8993168" y="2783551"/>
                  <a:pt x="8712129" y="3064328"/>
                  <a:pt x="8353278" y="3123727"/>
                </a:cubicBezTo>
                <a:lnTo>
                  <a:pt x="8353162" y="3124875"/>
                </a:lnTo>
                <a:cubicBezTo>
                  <a:pt x="8347851" y="3125886"/>
                  <a:pt x="8342522" y="3126834"/>
                  <a:pt x="8336945" y="3126415"/>
                </a:cubicBezTo>
                <a:cubicBezTo>
                  <a:pt x="8305773" y="3131969"/>
                  <a:pt x="8273893" y="3134950"/>
                  <a:pt x="8241519" y="3135477"/>
                </a:cubicBezTo>
                <a:lnTo>
                  <a:pt x="8224400" y="3137103"/>
                </a:lnTo>
                <a:lnTo>
                  <a:pt x="8224374" y="3136608"/>
                </a:lnTo>
                <a:lnTo>
                  <a:pt x="8223875" y="3136641"/>
                </a:lnTo>
                <a:cubicBezTo>
                  <a:pt x="8223309" y="3132839"/>
                  <a:pt x="8223282" y="3129023"/>
                  <a:pt x="8223282" y="3125201"/>
                </a:cubicBezTo>
                <a:cubicBezTo>
                  <a:pt x="8223282" y="3119519"/>
                  <a:pt x="8223341" y="3113850"/>
                  <a:pt x="8224653" y="3108220"/>
                </a:cubicBezTo>
                <a:cubicBezTo>
                  <a:pt x="8224611" y="3076892"/>
                  <a:pt x="8227060" y="3046007"/>
                  <a:pt x="8232117" y="3015763"/>
                </a:cubicBezTo>
                <a:lnTo>
                  <a:pt x="8232657" y="3009073"/>
                </a:lnTo>
                <a:cubicBezTo>
                  <a:pt x="8232826" y="3009068"/>
                  <a:pt x="8232995" y="3009063"/>
                  <a:pt x="8233163" y="3009010"/>
                </a:cubicBezTo>
                <a:cubicBezTo>
                  <a:pt x="8283439" y="2656144"/>
                  <a:pt x="8564478" y="2375367"/>
                  <a:pt x="8923328" y="2315969"/>
                </a:cubicBezTo>
                <a:lnTo>
                  <a:pt x="8923445" y="2314821"/>
                </a:lnTo>
                <a:cubicBezTo>
                  <a:pt x="8928754" y="2313811"/>
                  <a:pt x="8934082" y="2312863"/>
                  <a:pt x="8939658" y="2313282"/>
                </a:cubicBezTo>
                <a:cubicBezTo>
                  <a:pt x="8970841" y="2307725"/>
                  <a:pt x="9002734" y="2304744"/>
                  <a:pt x="9035120" y="2304217"/>
                </a:cubicBezTo>
                <a:close/>
                <a:moveTo>
                  <a:pt x="7382807" y="2302594"/>
                </a:moveTo>
                <a:lnTo>
                  <a:pt x="7399895" y="2304217"/>
                </a:lnTo>
                <a:cubicBezTo>
                  <a:pt x="7432280" y="2304744"/>
                  <a:pt x="7464173" y="2307725"/>
                  <a:pt x="7495356" y="2313282"/>
                </a:cubicBezTo>
                <a:cubicBezTo>
                  <a:pt x="7500932" y="2312863"/>
                  <a:pt x="7506260" y="2313811"/>
                  <a:pt x="7511569" y="2314821"/>
                </a:cubicBezTo>
                <a:lnTo>
                  <a:pt x="7511686" y="2315969"/>
                </a:lnTo>
                <a:cubicBezTo>
                  <a:pt x="7870536" y="2375367"/>
                  <a:pt x="8151575" y="2656144"/>
                  <a:pt x="8201852" y="3009010"/>
                </a:cubicBezTo>
                <a:cubicBezTo>
                  <a:pt x="8202019" y="3009063"/>
                  <a:pt x="8202189" y="3009068"/>
                  <a:pt x="8202357" y="3009073"/>
                </a:cubicBezTo>
                <a:lnTo>
                  <a:pt x="8202898" y="3015763"/>
                </a:lnTo>
                <a:cubicBezTo>
                  <a:pt x="8207954" y="3046007"/>
                  <a:pt x="8210404" y="3076892"/>
                  <a:pt x="8210362" y="3108220"/>
                </a:cubicBezTo>
                <a:cubicBezTo>
                  <a:pt x="8211674" y="3113850"/>
                  <a:pt x="8211732" y="3119519"/>
                  <a:pt x="8211732" y="3125201"/>
                </a:cubicBezTo>
                <a:cubicBezTo>
                  <a:pt x="8211732" y="3129023"/>
                  <a:pt x="8211705" y="3132839"/>
                  <a:pt x="8211139" y="3136641"/>
                </a:cubicBezTo>
                <a:lnTo>
                  <a:pt x="8210640" y="3136608"/>
                </a:lnTo>
                <a:lnTo>
                  <a:pt x="8210614" y="3137103"/>
                </a:lnTo>
                <a:lnTo>
                  <a:pt x="8193496" y="3135477"/>
                </a:lnTo>
                <a:cubicBezTo>
                  <a:pt x="8161122" y="3134950"/>
                  <a:pt x="8129241" y="3131969"/>
                  <a:pt x="8098069" y="3126415"/>
                </a:cubicBezTo>
                <a:cubicBezTo>
                  <a:pt x="8092492" y="3126834"/>
                  <a:pt x="8087163" y="3125886"/>
                  <a:pt x="8081853" y="3124875"/>
                </a:cubicBezTo>
                <a:lnTo>
                  <a:pt x="8081737" y="3123727"/>
                </a:lnTo>
                <a:cubicBezTo>
                  <a:pt x="7722885" y="3064328"/>
                  <a:pt x="7441846" y="2783551"/>
                  <a:pt x="7391571" y="2430686"/>
                </a:cubicBezTo>
                <a:cubicBezTo>
                  <a:pt x="7391403" y="2430633"/>
                  <a:pt x="7391235" y="2430628"/>
                  <a:pt x="7391065" y="2430623"/>
                </a:cubicBezTo>
                <a:lnTo>
                  <a:pt x="7390527" y="2423947"/>
                </a:lnTo>
                <a:cubicBezTo>
                  <a:pt x="7385468" y="2393697"/>
                  <a:pt x="7383018" y="2362806"/>
                  <a:pt x="7383060" y="2331471"/>
                </a:cubicBezTo>
                <a:cubicBezTo>
                  <a:pt x="7381748" y="2325843"/>
                  <a:pt x="7381689" y="2320176"/>
                  <a:pt x="7381689" y="2314495"/>
                </a:cubicBezTo>
                <a:lnTo>
                  <a:pt x="7382283" y="2303055"/>
                </a:lnTo>
                <a:lnTo>
                  <a:pt x="7382781" y="2303088"/>
                </a:lnTo>
                <a:close/>
                <a:moveTo>
                  <a:pt x="7360056" y="2302594"/>
                </a:moveTo>
                <a:lnTo>
                  <a:pt x="7360082" y="2303088"/>
                </a:lnTo>
                <a:lnTo>
                  <a:pt x="7360580" y="2303055"/>
                </a:lnTo>
                <a:lnTo>
                  <a:pt x="7361174" y="2314495"/>
                </a:lnTo>
                <a:cubicBezTo>
                  <a:pt x="7361174" y="2320176"/>
                  <a:pt x="7361116" y="2325843"/>
                  <a:pt x="7359804" y="2331471"/>
                </a:cubicBezTo>
                <a:cubicBezTo>
                  <a:pt x="7359846" y="2362806"/>
                  <a:pt x="7357395" y="2393697"/>
                  <a:pt x="7352337" y="2423947"/>
                </a:cubicBezTo>
                <a:lnTo>
                  <a:pt x="7351798" y="2430623"/>
                </a:lnTo>
                <a:cubicBezTo>
                  <a:pt x="7351629" y="2430628"/>
                  <a:pt x="7351460" y="2430633"/>
                  <a:pt x="7351293" y="2430686"/>
                </a:cubicBezTo>
                <a:cubicBezTo>
                  <a:pt x="7301017" y="2783551"/>
                  <a:pt x="7019978" y="3064328"/>
                  <a:pt x="6661127" y="3123727"/>
                </a:cubicBezTo>
                <a:lnTo>
                  <a:pt x="6661011" y="3124875"/>
                </a:lnTo>
                <a:cubicBezTo>
                  <a:pt x="6655700" y="3125886"/>
                  <a:pt x="6650371" y="3126834"/>
                  <a:pt x="6644794" y="3126415"/>
                </a:cubicBezTo>
                <a:cubicBezTo>
                  <a:pt x="6613622" y="3131969"/>
                  <a:pt x="6581742" y="3134950"/>
                  <a:pt x="6549368" y="3135477"/>
                </a:cubicBezTo>
                <a:lnTo>
                  <a:pt x="6532249" y="3137103"/>
                </a:lnTo>
                <a:lnTo>
                  <a:pt x="6532223" y="3136608"/>
                </a:lnTo>
                <a:lnTo>
                  <a:pt x="6531724" y="3136641"/>
                </a:lnTo>
                <a:cubicBezTo>
                  <a:pt x="6531158" y="3132839"/>
                  <a:pt x="6531131" y="3129023"/>
                  <a:pt x="6531131" y="3125201"/>
                </a:cubicBezTo>
                <a:cubicBezTo>
                  <a:pt x="6531131" y="3119519"/>
                  <a:pt x="6531190" y="3113850"/>
                  <a:pt x="6532502" y="3108220"/>
                </a:cubicBezTo>
                <a:cubicBezTo>
                  <a:pt x="6532460" y="3076892"/>
                  <a:pt x="6534909" y="3046007"/>
                  <a:pt x="6539966" y="3015763"/>
                </a:cubicBezTo>
                <a:lnTo>
                  <a:pt x="6540506" y="3009073"/>
                </a:lnTo>
                <a:cubicBezTo>
                  <a:pt x="6540675" y="3009068"/>
                  <a:pt x="6540844" y="3009063"/>
                  <a:pt x="6541012" y="3009010"/>
                </a:cubicBezTo>
                <a:cubicBezTo>
                  <a:pt x="6591288" y="2656144"/>
                  <a:pt x="6872327" y="2375367"/>
                  <a:pt x="7231178" y="2315969"/>
                </a:cubicBezTo>
                <a:lnTo>
                  <a:pt x="7231295" y="2314821"/>
                </a:lnTo>
                <a:cubicBezTo>
                  <a:pt x="7236603" y="2313811"/>
                  <a:pt x="7241931" y="2312863"/>
                  <a:pt x="7247507" y="2313282"/>
                </a:cubicBezTo>
                <a:cubicBezTo>
                  <a:pt x="7278691" y="2307725"/>
                  <a:pt x="7310583" y="2304744"/>
                  <a:pt x="7342969" y="2304217"/>
                </a:cubicBezTo>
                <a:close/>
                <a:moveTo>
                  <a:pt x="5690656" y="2302594"/>
                </a:moveTo>
                <a:lnTo>
                  <a:pt x="5707743" y="2304217"/>
                </a:lnTo>
                <a:cubicBezTo>
                  <a:pt x="5740129" y="2304744"/>
                  <a:pt x="5772021" y="2307725"/>
                  <a:pt x="5803205" y="2313282"/>
                </a:cubicBezTo>
                <a:cubicBezTo>
                  <a:pt x="5808781" y="2312863"/>
                  <a:pt x="5814109" y="2313811"/>
                  <a:pt x="5819417" y="2314821"/>
                </a:cubicBezTo>
                <a:lnTo>
                  <a:pt x="5819534" y="2315969"/>
                </a:lnTo>
                <a:cubicBezTo>
                  <a:pt x="6178385" y="2375367"/>
                  <a:pt x="6459424" y="2656144"/>
                  <a:pt x="6509700" y="3009010"/>
                </a:cubicBezTo>
                <a:cubicBezTo>
                  <a:pt x="6509868" y="3009063"/>
                  <a:pt x="6510037" y="3009068"/>
                  <a:pt x="6510206" y="3009073"/>
                </a:cubicBezTo>
                <a:lnTo>
                  <a:pt x="6510746" y="3015763"/>
                </a:lnTo>
                <a:cubicBezTo>
                  <a:pt x="6515803" y="3046007"/>
                  <a:pt x="6518252" y="3076892"/>
                  <a:pt x="6518210" y="3108220"/>
                </a:cubicBezTo>
                <a:cubicBezTo>
                  <a:pt x="6519522" y="3113850"/>
                  <a:pt x="6519581" y="3119519"/>
                  <a:pt x="6519581" y="3125201"/>
                </a:cubicBezTo>
                <a:cubicBezTo>
                  <a:pt x="6519581" y="3129023"/>
                  <a:pt x="6519554" y="3132839"/>
                  <a:pt x="6518988" y="3136641"/>
                </a:cubicBezTo>
                <a:lnTo>
                  <a:pt x="6518489" y="3136608"/>
                </a:lnTo>
                <a:lnTo>
                  <a:pt x="6518463" y="3137103"/>
                </a:lnTo>
                <a:lnTo>
                  <a:pt x="6501344" y="3135477"/>
                </a:lnTo>
                <a:cubicBezTo>
                  <a:pt x="6468970" y="3134950"/>
                  <a:pt x="6437090" y="3131969"/>
                  <a:pt x="6405918" y="3126415"/>
                </a:cubicBezTo>
                <a:cubicBezTo>
                  <a:pt x="6400341" y="3126834"/>
                  <a:pt x="6395012" y="3125886"/>
                  <a:pt x="6389701" y="3124875"/>
                </a:cubicBezTo>
                <a:lnTo>
                  <a:pt x="6389585" y="3123727"/>
                </a:lnTo>
                <a:cubicBezTo>
                  <a:pt x="6030734" y="3064328"/>
                  <a:pt x="5749695" y="2783551"/>
                  <a:pt x="5699419" y="2430686"/>
                </a:cubicBezTo>
                <a:cubicBezTo>
                  <a:pt x="5699252" y="2430633"/>
                  <a:pt x="5699083" y="2430628"/>
                  <a:pt x="5698914" y="2430623"/>
                </a:cubicBezTo>
                <a:lnTo>
                  <a:pt x="5698375" y="2423947"/>
                </a:lnTo>
                <a:cubicBezTo>
                  <a:pt x="5693317" y="2393697"/>
                  <a:pt x="5690866" y="2362806"/>
                  <a:pt x="5690908" y="2331471"/>
                </a:cubicBezTo>
                <a:cubicBezTo>
                  <a:pt x="5689596" y="2325843"/>
                  <a:pt x="5689538" y="2320176"/>
                  <a:pt x="5689538" y="2314495"/>
                </a:cubicBezTo>
                <a:lnTo>
                  <a:pt x="5690132" y="2303055"/>
                </a:lnTo>
                <a:lnTo>
                  <a:pt x="5690630" y="2303088"/>
                </a:lnTo>
                <a:close/>
                <a:moveTo>
                  <a:pt x="5667905" y="2302594"/>
                </a:moveTo>
                <a:lnTo>
                  <a:pt x="5667931" y="2303088"/>
                </a:lnTo>
                <a:lnTo>
                  <a:pt x="5668429" y="2303055"/>
                </a:lnTo>
                <a:lnTo>
                  <a:pt x="5669023" y="2314495"/>
                </a:lnTo>
                <a:cubicBezTo>
                  <a:pt x="5669023" y="2320176"/>
                  <a:pt x="5668964" y="2325843"/>
                  <a:pt x="5667652" y="2331471"/>
                </a:cubicBezTo>
                <a:cubicBezTo>
                  <a:pt x="5667694" y="2362806"/>
                  <a:pt x="5665244" y="2393697"/>
                  <a:pt x="5660185" y="2423947"/>
                </a:cubicBezTo>
                <a:lnTo>
                  <a:pt x="5659647" y="2430623"/>
                </a:lnTo>
                <a:cubicBezTo>
                  <a:pt x="5659477" y="2430628"/>
                  <a:pt x="5659309" y="2430633"/>
                  <a:pt x="5659141" y="2430686"/>
                </a:cubicBezTo>
                <a:cubicBezTo>
                  <a:pt x="5608866" y="2783551"/>
                  <a:pt x="5327827" y="3064328"/>
                  <a:pt x="4968975" y="3123727"/>
                </a:cubicBezTo>
                <a:lnTo>
                  <a:pt x="4968859" y="3124875"/>
                </a:lnTo>
                <a:cubicBezTo>
                  <a:pt x="4963549" y="3125886"/>
                  <a:pt x="4958220" y="3126834"/>
                  <a:pt x="4952643" y="3126415"/>
                </a:cubicBezTo>
                <a:cubicBezTo>
                  <a:pt x="4921471" y="3131969"/>
                  <a:pt x="4889590" y="3134950"/>
                  <a:pt x="4857216" y="3135477"/>
                </a:cubicBezTo>
                <a:lnTo>
                  <a:pt x="4840098" y="3137103"/>
                </a:lnTo>
                <a:lnTo>
                  <a:pt x="4840072" y="3136608"/>
                </a:lnTo>
                <a:lnTo>
                  <a:pt x="4839573" y="3136641"/>
                </a:lnTo>
                <a:cubicBezTo>
                  <a:pt x="4839007" y="3132839"/>
                  <a:pt x="4838980" y="3129023"/>
                  <a:pt x="4838980" y="3125201"/>
                </a:cubicBezTo>
                <a:cubicBezTo>
                  <a:pt x="4838980" y="3119519"/>
                  <a:pt x="4839038" y="3113850"/>
                  <a:pt x="4840350" y="3108220"/>
                </a:cubicBezTo>
                <a:cubicBezTo>
                  <a:pt x="4840308" y="3076892"/>
                  <a:pt x="4842758" y="3046007"/>
                  <a:pt x="4847814" y="3015763"/>
                </a:cubicBezTo>
                <a:lnTo>
                  <a:pt x="4848355" y="3009073"/>
                </a:lnTo>
                <a:cubicBezTo>
                  <a:pt x="4848523" y="3009068"/>
                  <a:pt x="4848693" y="3009063"/>
                  <a:pt x="4848860" y="3009010"/>
                </a:cubicBezTo>
                <a:cubicBezTo>
                  <a:pt x="4899137" y="2656144"/>
                  <a:pt x="5180176" y="2375367"/>
                  <a:pt x="5539026" y="2315969"/>
                </a:cubicBezTo>
                <a:lnTo>
                  <a:pt x="5539143" y="2314821"/>
                </a:lnTo>
                <a:cubicBezTo>
                  <a:pt x="5544452" y="2313811"/>
                  <a:pt x="5549780" y="2312863"/>
                  <a:pt x="5555356" y="2313282"/>
                </a:cubicBezTo>
                <a:cubicBezTo>
                  <a:pt x="5586539" y="2307725"/>
                  <a:pt x="5618432" y="2304744"/>
                  <a:pt x="5650817" y="2304217"/>
                </a:cubicBezTo>
                <a:close/>
                <a:moveTo>
                  <a:pt x="3998505" y="2302594"/>
                </a:moveTo>
                <a:lnTo>
                  <a:pt x="4015592" y="2304217"/>
                </a:lnTo>
                <a:cubicBezTo>
                  <a:pt x="4047978" y="2304744"/>
                  <a:pt x="4079870" y="2307725"/>
                  <a:pt x="4111054" y="2313282"/>
                </a:cubicBezTo>
                <a:cubicBezTo>
                  <a:pt x="4116630" y="2312863"/>
                  <a:pt x="4121958" y="2313811"/>
                  <a:pt x="4127266" y="2314821"/>
                </a:cubicBezTo>
                <a:lnTo>
                  <a:pt x="4127384" y="2315969"/>
                </a:lnTo>
                <a:cubicBezTo>
                  <a:pt x="4486234" y="2375367"/>
                  <a:pt x="4767273" y="2656144"/>
                  <a:pt x="4817549" y="3009010"/>
                </a:cubicBezTo>
                <a:cubicBezTo>
                  <a:pt x="4817717" y="3009063"/>
                  <a:pt x="4817886" y="3009068"/>
                  <a:pt x="4818055" y="3009073"/>
                </a:cubicBezTo>
                <a:lnTo>
                  <a:pt x="4818595" y="3015763"/>
                </a:lnTo>
                <a:cubicBezTo>
                  <a:pt x="4823652" y="3046007"/>
                  <a:pt x="4826101" y="3076892"/>
                  <a:pt x="4826059" y="3108220"/>
                </a:cubicBezTo>
                <a:cubicBezTo>
                  <a:pt x="4827371" y="3113850"/>
                  <a:pt x="4827430" y="3119519"/>
                  <a:pt x="4827430" y="3125201"/>
                </a:cubicBezTo>
                <a:cubicBezTo>
                  <a:pt x="4827430" y="3129023"/>
                  <a:pt x="4827403" y="3132839"/>
                  <a:pt x="4826837" y="3136641"/>
                </a:cubicBezTo>
                <a:lnTo>
                  <a:pt x="4826338" y="3136608"/>
                </a:lnTo>
                <a:lnTo>
                  <a:pt x="4826312" y="3137103"/>
                </a:lnTo>
                <a:lnTo>
                  <a:pt x="4809193" y="3135477"/>
                </a:lnTo>
                <a:cubicBezTo>
                  <a:pt x="4776819" y="3134950"/>
                  <a:pt x="4744939" y="3131969"/>
                  <a:pt x="4713767" y="3126415"/>
                </a:cubicBezTo>
                <a:cubicBezTo>
                  <a:pt x="4708190" y="3126834"/>
                  <a:pt x="4702861" y="3125886"/>
                  <a:pt x="4697550" y="3124875"/>
                </a:cubicBezTo>
                <a:lnTo>
                  <a:pt x="4697434" y="3123727"/>
                </a:lnTo>
                <a:cubicBezTo>
                  <a:pt x="4338583" y="3064328"/>
                  <a:pt x="4057544" y="2783551"/>
                  <a:pt x="4007268" y="2430686"/>
                </a:cubicBezTo>
                <a:cubicBezTo>
                  <a:pt x="4007101" y="2430633"/>
                  <a:pt x="4006932" y="2430628"/>
                  <a:pt x="4006763" y="2430623"/>
                </a:cubicBezTo>
                <a:lnTo>
                  <a:pt x="4006225" y="2423947"/>
                </a:lnTo>
                <a:cubicBezTo>
                  <a:pt x="4001166" y="2393697"/>
                  <a:pt x="3998715" y="2362806"/>
                  <a:pt x="3998757" y="2331471"/>
                </a:cubicBezTo>
                <a:cubicBezTo>
                  <a:pt x="3997445" y="2325843"/>
                  <a:pt x="3997387" y="2320176"/>
                  <a:pt x="3997387" y="2314495"/>
                </a:cubicBezTo>
                <a:lnTo>
                  <a:pt x="3997981" y="2303055"/>
                </a:lnTo>
                <a:lnTo>
                  <a:pt x="3998479" y="2303088"/>
                </a:lnTo>
                <a:close/>
                <a:moveTo>
                  <a:pt x="3975754" y="2302594"/>
                </a:moveTo>
                <a:lnTo>
                  <a:pt x="3975780" y="2303088"/>
                </a:lnTo>
                <a:lnTo>
                  <a:pt x="3976278" y="2303055"/>
                </a:lnTo>
                <a:lnTo>
                  <a:pt x="3976872" y="2314495"/>
                </a:lnTo>
                <a:cubicBezTo>
                  <a:pt x="3976872" y="2320176"/>
                  <a:pt x="3976813" y="2325843"/>
                  <a:pt x="3975501" y="2331471"/>
                </a:cubicBezTo>
                <a:cubicBezTo>
                  <a:pt x="3975543" y="2362806"/>
                  <a:pt x="3973093" y="2393697"/>
                  <a:pt x="3968034" y="2423947"/>
                </a:cubicBezTo>
                <a:lnTo>
                  <a:pt x="3967496" y="2430623"/>
                </a:lnTo>
                <a:cubicBezTo>
                  <a:pt x="3967326" y="2430628"/>
                  <a:pt x="3967158" y="2430633"/>
                  <a:pt x="3966990" y="2430686"/>
                </a:cubicBezTo>
                <a:cubicBezTo>
                  <a:pt x="3916715" y="2783551"/>
                  <a:pt x="3635676" y="3064328"/>
                  <a:pt x="3276825" y="3123727"/>
                </a:cubicBezTo>
                <a:lnTo>
                  <a:pt x="3276708" y="3124875"/>
                </a:lnTo>
                <a:cubicBezTo>
                  <a:pt x="3271398" y="3125886"/>
                  <a:pt x="3266069" y="3126834"/>
                  <a:pt x="3260492" y="3126415"/>
                </a:cubicBezTo>
                <a:cubicBezTo>
                  <a:pt x="3229320" y="3131969"/>
                  <a:pt x="3197440" y="3134950"/>
                  <a:pt x="3165065" y="3135477"/>
                </a:cubicBezTo>
                <a:lnTo>
                  <a:pt x="3147947" y="3137103"/>
                </a:lnTo>
                <a:lnTo>
                  <a:pt x="3147921" y="3136608"/>
                </a:lnTo>
                <a:lnTo>
                  <a:pt x="3147422" y="3136641"/>
                </a:lnTo>
                <a:cubicBezTo>
                  <a:pt x="3146856" y="3132839"/>
                  <a:pt x="3146829" y="3129023"/>
                  <a:pt x="3146829" y="3125201"/>
                </a:cubicBezTo>
                <a:cubicBezTo>
                  <a:pt x="3146829" y="3119519"/>
                  <a:pt x="3146887" y="3113850"/>
                  <a:pt x="3148199" y="3108220"/>
                </a:cubicBezTo>
                <a:cubicBezTo>
                  <a:pt x="3148157" y="3076892"/>
                  <a:pt x="3150607" y="3046007"/>
                  <a:pt x="3155663" y="3015763"/>
                </a:cubicBezTo>
                <a:lnTo>
                  <a:pt x="3156204" y="3009073"/>
                </a:lnTo>
                <a:cubicBezTo>
                  <a:pt x="3156372" y="3009068"/>
                  <a:pt x="3156542" y="3009063"/>
                  <a:pt x="3156709" y="3009010"/>
                </a:cubicBezTo>
                <a:cubicBezTo>
                  <a:pt x="3206986" y="2656144"/>
                  <a:pt x="3488025" y="2375367"/>
                  <a:pt x="3846875" y="2315969"/>
                </a:cubicBezTo>
                <a:lnTo>
                  <a:pt x="3846992" y="2314821"/>
                </a:lnTo>
                <a:cubicBezTo>
                  <a:pt x="3852301" y="2313811"/>
                  <a:pt x="3857629" y="2312863"/>
                  <a:pt x="3863205" y="2313282"/>
                </a:cubicBezTo>
                <a:cubicBezTo>
                  <a:pt x="3894388" y="2307725"/>
                  <a:pt x="3926281" y="2304744"/>
                  <a:pt x="3958666" y="2304217"/>
                </a:cubicBezTo>
                <a:close/>
                <a:moveTo>
                  <a:pt x="2306354" y="2302594"/>
                </a:moveTo>
                <a:lnTo>
                  <a:pt x="2323441" y="2304217"/>
                </a:lnTo>
                <a:cubicBezTo>
                  <a:pt x="2355827" y="2304744"/>
                  <a:pt x="2387719" y="2307725"/>
                  <a:pt x="2418903" y="2313282"/>
                </a:cubicBezTo>
                <a:cubicBezTo>
                  <a:pt x="2424479" y="2312863"/>
                  <a:pt x="2429807" y="2313811"/>
                  <a:pt x="2435115" y="2314821"/>
                </a:cubicBezTo>
                <a:lnTo>
                  <a:pt x="2435233" y="2315969"/>
                </a:lnTo>
                <a:cubicBezTo>
                  <a:pt x="2794083" y="2375367"/>
                  <a:pt x="3075122" y="2656144"/>
                  <a:pt x="3125398" y="3009010"/>
                </a:cubicBezTo>
                <a:cubicBezTo>
                  <a:pt x="3125566" y="3009063"/>
                  <a:pt x="3125735" y="3009068"/>
                  <a:pt x="3125904" y="3009073"/>
                </a:cubicBezTo>
                <a:lnTo>
                  <a:pt x="3126444" y="3015763"/>
                </a:lnTo>
                <a:cubicBezTo>
                  <a:pt x="3131501" y="3046007"/>
                  <a:pt x="3133950" y="3076892"/>
                  <a:pt x="3133908" y="3108220"/>
                </a:cubicBezTo>
                <a:cubicBezTo>
                  <a:pt x="3135220" y="3113850"/>
                  <a:pt x="3135279" y="3119519"/>
                  <a:pt x="3135279" y="3125201"/>
                </a:cubicBezTo>
                <a:cubicBezTo>
                  <a:pt x="3135279" y="3129023"/>
                  <a:pt x="3135252" y="3132839"/>
                  <a:pt x="3134686" y="3136641"/>
                </a:cubicBezTo>
                <a:lnTo>
                  <a:pt x="3134187" y="3136608"/>
                </a:lnTo>
                <a:lnTo>
                  <a:pt x="3134161" y="3137103"/>
                </a:lnTo>
                <a:lnTo>
                  <a:pt x="3117042" y="3135477"/>
                </a:lnTo>
                <a:cubicBezTo>
                  <a:pt x="3084668" y="3134950"/>
                  <a:pt x="3052788" y="3131969"/>
                  <a:pt x="3021616" y="3126415"/>
                </a:cubicBezTo>
                <a:cubicBezTo>
                  <a:pt x="3016039" y="3126834"/>
                  <a:pt x="3010710" y="3125886"/>
                  <a:pt x="3005399" y="3124875"/>
                </a:cubicBezTo>
                <a:lnTo>
                  <a:pt x="3005283" y="3123727"/>
                </a:lnTo>
                <a:cubicBezTo>
                  <a:pt x="2646432" y="3064328"/>
                  <a:pt x="2365393" y="2783551"/>
                  <a:pt x="2315117" y="2430686"/>
                </a:cubicBezTo>
                <a:cubicBezTo>
                  <a:pt x="2314950" y="2430633"/>
                  <a:pt x="2314781" y="2430628"/>
                  <a:pt x="2314612" y="2430623"/>
                </a:cubicBezTo>
                <a:lnTo>
                  <a:pt x="2314074" y="2423947"/>
                </a:lnTo>
                <a:cubicBezTo>
                  <a:pt x="2309015" y="2393697"/>
                  <a:pt x="2306564" y="2362806"/>
                  <a:pt x="2306606" y="2331471"/>
                </a:cubicBezTo>
                <a:cubicBezTo>
                  <a:pt x="2305294" y="2325843"/>
                  <a:pt x="2305236" y="2320176"/>
                  <a:pt x="2305236" y="2314495"/>
                </a:cubicBezTo>
                <a:lnTo>
                  <a:pt x="2305830" y="2303055"/>
                </a:lnTo>
                <a:lnTo>
                  <a:pt x="2306328" y="2303088"/>
                </a:lnTo>
                <a:close/>
                <a:moveTo>
                  <a:pt x="2283603" y="2302594"/>
                </a:moveTo>
                <a:lnTo>
                  <a:pt x="2283629" y="2303088"/>
                </a:lnTo>
                <a:lnTo>
                  <a:pt x="2284127" y="2303055"/>
                </a:lnTo>
                <a:lnTo>
                  <a:pt x="2284721" y="2314495"/>
                </a:lnTo>
                <a:cubicBezTo>
                  <a:pt x="2284721" y="2320176"/>
                  <a:pt x="2284662" y="2325843"/>
                  <a:pt x="2283350" y="2331471"/>
                </a:cubicBezTo>
                <a:cubicBezTo>
                  <a:pt x="2283392" y="2362806"/>
                  <a:pt x="2280942" y="2393697"/>
                  <a:pt x="2275883" y="2423947"/>
                </a:cubicBezTo>
                <a:lnTo>
                  <a:pt x="2275345" y="2430623"/>
                </a:lnTo>
                <a:cubicBezTo>
                  <a:pt x="2275175" y="2430628"/>
                  <a:pt x="2275007" y="2430633"/>
                  <a:pt x="2274839" y="2430686"/>
                </a:cubicBezTo>
                <a:cubicBezTo>
                  <a:pt x="2224564" y="2783551"/>
                  <a:pt x="1943525" y="3064328"/>
                  <a:pt x="1584673" y="3123727"/>
                </a:cubicBezTo>
                <a:lnTo>
                  <a:pt x="1584557" y="3124875"/>
                </a:lnTo>
                <a:cubicBezTo>
                  <a:pt x="1579247" y="3125886"/>
                  <a:pt x="1573918" y="3126834"/>
                  <a:pt x="1568341" y="3126415"/>
                </a:cubicBezTo>
                <a:cubicBezTo>
                  <a:pt x="1537169" y="3131969"/>
                  <a:pt x="1505289" y="3134950"/>
                  <a:pt x="1472914" y="3135477"/>
                </a:cubicBezTo>
                <a:lnTo>
                  <a:pt x="1455796" y="3137103"/>
                </a:lnTo>
                <a:lnTo>
                  <a:pt x="1455770" y="3136608"/>
                </a:lnTo>
                <a:lnTo>
                  <a:pt x="1455271" y="3136641"/>
                </a:lnTo>
                <a:cubicBezTo>
                  <a:pt x="1454705" y="3132839"/>
                  <a:pt x="1454678" y="3129023"/>
                  <a:pt x="1454678" y="3125201"/>
                </a:cubicBezTo>
                <a:cubicBezTo>
                  <a:pt x="1454678" y="3119519"/>
                  <a:pt x="1454736" y="3113850"/>
                  <a:pt x="1456048" y="3108220"/>
                </a:cubicBezTo>
                <a:cubicBezTo>
                  <a:pt x="1456006" y="3076892"/>
                  <a:pt x="1458456" y="3046007"/>
                  <a:pt x="1463513" y="3015763"/>
                </a:cubicBezTo>
                <a:lnTo>
                  <a:pt x="1464053" y="3009073"/>
                </a:lnTo>
                <a:cubicBezTo>
                  <a:pt x="1464221" y="3009068"/>
                  <a:pt x="1464391" y="3009063"/>
                  <a:pt x="1464558" y="3009010"/>
                </a:cubicBezTo>
                <a:cubicBezTo>
                  <a:pt x="1514835" y="2656144"/>
                  <a:pt x="1795874" y="2375367"/>
                  <a:pt x="2154724" y="2315969"/>
                </a:cubicBezTo>
                <a:lnTo>
                  <a:pt x="2154841" y="2314821"/>
                </a:lnTo>
                <a:cubicBezTo>
                  <a:pt x="2160150" y="2313811"/>
                  <a:pt x="2165478" y="2312863"/>
                  <a:pt x="2171054" y="2313282"/>
                </a:cubicBezTo>
                <a:cubicBezTo>
                  <a:pt x="2202237" y="2307725"/>
                  <a:pt x="2234130" y="2304744"/>
                  <a:pt x="2266515" y="2304217"/>
                </a:cubicBezTo>
                <a:close/>
                <a:moveTo>
                  <a:pt x="614203" y="2302594"/>
                </a:moveTo>
                <a:lnTo>
                  <a:pt x="631290" y="2304217"/>
                </a:lnTo>
                <a:cubicBezTo>
                  <a:pt x="663676" y="2304744"/>
                  <a:pt x="695568" y="2307725"/>
                  <a:pt x="726752" y="2313282"/>
                </a:cubicBezTo>
                <a:cubicBezTo>
                  <a:pt x="732328" y="2312863"/>
                  <a:pt x="737656" y="2313811"/>
                  <a:pt x="742964" y="2314821"/>
                </a:cubicBezTo>
                <a:lnTo>
                  <a:pt x="743081" y="2315969"/>
                </a:lnTo>
                <a:cubicBezTo>
                  <a:pt x="1101932" y="2375367"/>
                  <a:pt x="1382971" y="2656144"/>
                  <a:pt x="1433247" y="3009010"/>
                </a:cubicBezTo>
                <a:cubicBezTo>
                  <a:pt x="1433415" y="3009063"/>
                  <a:pt x="1433584" y="3009068"/>
                  <a:pt x="1433753" y="3009073"/>
                </a:cubicBezTo>
                <a:lnTo>
                  <a:pt x="1434293" y="3015763"/>
                </a:lnTo>
                <a:cubicBezTo>
                  <a:pt x="1439350" y="3046007"/>
                  <a:pt x="1441799" y="3076892"/>
                  <a:pt x="1441757" y="3108220"/>
                </a:cubicBezTo>
                <a:cubicBezTo>
                  <a:pt x="1443069" y="3113850"/>
                  <a:pt x="1443128" y="3119519"/>
                  <a:pt x="1443128" y="3125201"/>
                </a:cubicBezTo>
                <a:cubicBezTo>
                  <a:pt x="1443128" y="3129023"/>
                  <a:pt x="1443101" y="3132839"/>
                  <a:pt x="1442535" y="3136641"/>
                </a:cubicBezTo>
                <a:lnTo>
                  <a:pt x="1442036" y="3136608"/>
                </a:lnTo>
                <a:lnTo>
                  <a:pt x="1442010" y="3137103"/>
                </a:lnTo>
                <a:lnTo>
                  <a:pt x="1424891" y="3135477"/>
                </a:lnTo>
                <a:cubicBezTo>
                  <a:pt x="1392517" y="3134950"/>
                  <a:pt x="1360637" y="3131969"/>
                  <a:pt x="1329465" y="3126415"/>
                </a:cubicBezTo>
                <a:cubicBezTo>
                  <a:pt x="1323888" y="3126834"/>
                  <a:pt x="1318559" y="3125886"/>
                  <a:pt x="1313248" y="3124875"/>
                </a:cubicBezTo>
                <a:lnTo>
                  <a:pt x="1313132" y="3123727"/>
                </a:lnTo>
                <a:cubicBezTo>
                  <a:pt x="954281" y="3064328"/>
                  <a:pt x="673242" y="2783551"/>
                  <a:pt x="622966" y="2430686"/>
                </a:cubicBezTo>
                <a:cubicBezTo>
                  <a:pt x="622799" y="2430633"/>
                  <a:pt x="622630" y="2430628"/>
                  <a:pt x="622461" y="2430623"/>
                </a:cubicBezTo>
                <a:lnTo>
                  <a:pt x="621923" y="2423947"/>
                </a:lnTo>
                <a:cubicBezTo>
                  <a:pt x="616864" y="2393697"/>
                  <a:pt x="614413" y="2362806"/>
                  <a:pt x="614455" y="2331471"/>
                </a:cubicBezTo>
                <a:cubicBezTo>
                  <a:pt x="613143" y="2325843"/>
                  <a:pt x="613085" y="2320176"/>
                  <a:pt x="613085" y="2314495"/>
                </a:cubicBezTo>
                <a:lnTo>
                  <a:pt x="613679" y="2303055"/>
                </a:lnTo>
                <a:lnTo>
                  <a:pt x="614177" y="2303088"/>
                </a:lnTo>
                <a:close/>
                <a:moveTo>
                  <a:pt x="591452" y="2302594"/>
                </a:moveTo>
                <a:lnTo>
                  <a:pt x="591478" y="2303088"/>
                </a:lnTo>
                <a:lnTo>
                  <a:pt x="591976" y="2303055"/>
                </a:lnTo>
                <a:lnTo>
                  <a:pt x="592570" y="2314495"/>
                </a:lnTo>
                <a:cubicBezTo>
                  <a:pt x="592570" y="2320176"/>
                  <a:pt x="592511" y="2325843"/>
                  <a:pt x="591199" y="2331471"/>
                </a:cubicBezTo>
                <a:cubicBezTo>
                  <a:pt x="591242" y="2362806"/>
                  <a:pt x="588791" y="2393697"/>
                  <a:pt x="583732" y="2423947"/>
                </a:cubicBezTo>
                <a:lnTo>
                  <a:pt x="583194" y="2430623"/>
                </a:lnTo>
                <a:cubicBezTo>
                  <a:pt x="583024" y="2430628"/>
                  <a:pt x="582856" y="2430633"/>
                  <a:pt x="582689" y="2430686"/>
                </a:cubicBezTo>
                <a:cubicBezTo>
                  <a:pt x="537576" y="2747315"/>
                  <a:pt x="306662" y="3005901"/>
                  <a:pt x="0" y="3097101"/>
                </a:cubicBezTo>
                <a:lnTo>
                  <a:pt x="0" y="2964763"/>
                </a:lnTo>
                <a:cubicBezTo>
                  <a:pt x="229298" y="2881926"/>
                  <a:pt x="402181" y="2686530"/>
                  <a:pt x="449203" y="2447425"/>
                </a:cubicBezTo>
                <a:cubicBezTo>
                  <a:pt x="258971" y="2488309"/>
                  <a:pt x="97576" y="2603574"/>
                  <a:pt x="0" y="2761314"/>
                </a:cubicBezTo>
                <a:lnTo>
                  <a:pt x="0" y="2554520"/>
                </a:lnTo>
                <a:cubicBezTo>
                  <a:pt x="121484" y="2431613"/>
                  <a:pt x="282199" y="2345825"/>
                  <a:pt x="462573" y="2315969"/>
                </a:cubicBezTo>
                <a:lnTo>
                  <a:pt x="462690" y="2314821"/>
                </a:lnTo>
                <a:cubicBezTo>
                  <a:pt x="467999" y="2313811"/>
                  <a:pt x="473327" y="2312863"/>
                  <a:pt x="478903" y="2313282"/>
                </a:cubicBezTo>
                <a:cubicBezTo>
                  <a:pt x="510086" y="2307725"/>
                  <a:pt x="541979" y="2304744"/>
                  <a:pt x="574365" y="2304217"/>
                </a:cubicBezTo>
                <a:close/>
                <a:moveTo>
                  <a:pt x="11452667" y="1608087"/>
                </a:moveTo>
                <a:cubicBezTo>
                  <a:pt x="11177477" y="1666766"/>
                  <a:pt x="10962633" y="1879876"/>
                  <a:pt x="10909358" y="2148655"/>
                </a:cubicBezTo>
                <a:cubicBezTo>
                  <a:pt x="11184548" y="2089976"/>
                  <a:pt x="11399391" y="1876866"/>
                  <a:pt x="11452667" y="1608087"/>
                </a:cubicBezTo>
                <a:close/>
                <a:moveTo>
                  <a:pt x="10058800" y="1608087"/>
                </a:moveTo>
                <a:cubicBezTo>
                  <a:pt x="10112076" y="1876866"/>
                  <a:pt x="10326919" y="2089976"/>
                  <a:pt x="10602109" y="2148655"/>
                </a:cubicBezTo>
                <a:cubicBezTo>
                  <a:pt x="10548834" y="1879876"/>
                  <a:pt x="10333990" y="1666766"/>
                  <a:pt x="10058800" y="1608087"/>
                </a:cubicBezTo>
                <a:close/>
                <a:moveTo>
                  <a:pt x="9760514" y="1608087"/>
                </a:moveTo>
                <a:cubicBezTo>
                  <a:pt x="9485324" y="1666766"/>
                  <a:pt x="9270480" y="1879876"/>
                  <a:pt x="9217205" y="2148655"/>
                </a:cubicBezTo>
                <a:cubicBezTo>
                  <a:pt x="9492395" y="2089976"/>
                  <a:pt x="9707238" y="1876866"/>
                  <a:pt x="9760514" y="1608087"/>
                </a:cubicBezTo>
                <a:close/>
                <a:moveTo>
                  <a:pt x="8366649" y="1608087"/>
                </a:moveTo>
                <a:cubicBezTo>
                  <a:pt x="8419925" y="1876866"/>
                  <a:pt x="8634768" y="2089976"/>
                  <a:pt x="8909958" y="2148655"/>
                </a:cubicBezTo>
                <a:cubicBezTo>
                  <a:pt x="8856683" y="1879876"/>
                  <a:pt x="8641839" y="1666766"/>
                  <a:pt x="8366649" y="1608087"/>
                </a:cubicBezTo>
                <a:close/>
                <a:moveTo>
                  <a:pt x="8068363" y="1608087"/>
                </a:moveTo>
                <a:cubicBezTo>
                  <a:pt x="7793173" y="1666766"/>
                  <a:pt x="7578329" y="1879876"/>
                  <a:pt x="7525054" y="2148655"/>
                </a:cubicBezTo>
                <a:cubicBezTo>
                  <a:pt x="7800244" y="2089976"/>
                  <a:pt x="8015087" y="1876866"/>
                  <a:pt x="8068363" y="1608087"/>
                </a:cubicBezTo>
                <a:close/>
                <a:moveTo>
                  <a:pt x="6674498" y="1608087"/>
                </a:moveTo>
                <a:cubicBezTo>
                  <a:pt x="6727774" y="1876866"/>
                  <a:pt x="6942617" y="2089976"/>
                  <a:pt x="7217807" y="2148655"/>
                </a:cubicBezTo>
                <a:cubicBezTo>
                  <a:pt x="7164532" y="1879876"/>
                  <a:pt x="6949688" y="1666766"/>
                  <a:pt x="6674498" y="1608087"/>
                </a:cubicBezTo>
                <a:close/>
                <a:moveTo>
                  <a:pt x="6376212" y="1608087"/>
                </a:moveTo>
                <a:cubicBezTo>
                  <a:pt x="6101022" y="1666766"/>
                  <a:pt x="5886178" y="1879876"/>
                  <a:pt x="5832903" y="2148655"/>
                </a:cubicBezTo>
                <a:cubicBezTo>
                  <a:pt x="6108093" y="2089976"/>
                  <a:pt x="6322936" y="1876866"/>
                  <a:pt x="6376212" y="1608087"/>
                </a:cubicBezTo>
                <a:close/>
                <a:moveTo>
                  <a:pt x="4982347" y="1608087"/>
                </a:moveTo>
                <a:cubicBezTo>
                  <a:pt x="5035623" y="1876866"/>
                  <a:pt x="5250466" y="2089976"/>
                  <a:pt x="5525656" y="2148655"/>
                </a:cubicBezTo>
                <a:cubicBezTo>
                  <a:pt x="5472381" y="1879876"/>
                  <a:pt x="5257537" y="1666766"/>
                  <a:pt x="4982347" y="1608087"/>
                </a:cubicBezTo>
                <a:close/>
                <a:moveTo>
                  <a:pt x="4684061" y="1608087"/>
                </a:moveTo>
                <a:cubicBezTo>
                  <a:pt x="4408871" y="1666766"/>
                  <a:pt x="4194027" y="1879876"/>
                  <a:pt x="4140752" y="2148655"/>
                </a:cubicBezTo>
                <a:cubicBezTo>
                  <a:pt x="4415942" y="2089976"/>
                  <a:pt x="4630785" y="1876866"/>
                  <a:pt x="4684061" y="1608087"/>
                </a:cubicBezTo>
                <a:close/>
                <a:moveTo>
                  <a:pt x="3290196" y="1608087"/>
                </a:moveTo>
                <a:cubicBezTo>
                  <a:pt x="3343472" y="1876866"/>
                  <a:pt x="3558315" y="2089976"/>
                  <a:pt x="3833505" y="2148655"/>
                </a:cubicBezTo>
                <a:cubicBezTo>
                  <a:pt x="3780230" y="1879876"/>
                  <a:pt x="3565386" y="1666766"/>
                  <a:pt x="3290196" y="1608087"/>
                </a:cubicBezTo>
                <a:close/>
                <a:moveTo>
                  <a:pt x="2991910" y="1608087"/>
                </a:moveTo>
                <a:cubicBezTo>
                  <a:pt x="2716720" y="1666766"/>
                  <a:pt x="2501876" y="1879876"/>
                  <a:pt x="2448601" y="2148655"/>
                </a:cubicBezTo>
                <a:cubicBezTo>
                  <a:pt x="2723791" y="2089976"/>
                  <a:pt x="2938634" y="1876866"/>
                  <a:pt x="2991910" y="1608087"/>
                </a:cubicBezTo>
                <a:close/>
                <a:moveTo>
                  <a:pt x="1598045" y="1608087"/>
                </a:moveTo>
                <a:cubicBezTo>
                  <a:pt x="1651321" y="1876866"/>
                  <a:pt x="1866164" y="2089976"/>
                  <a:pt x="2141354" y="2148655"/>
                </a:cubicBezTo>
                <a:cubicBezTo>
                  <a:pt x="2088079" y="1879876"/>
                  <a:pt x="1873235" y="1666766"/>
                  <a:pt x="1598045" y="1608087"/>
                </a:cubicBezTo>
                <a:close/>
                <a:moveTo>
                  <a:pt x="1299759" y="1608087"/>
                </a:moveTo>
                <a:cubicBezTo>
                  <a:pt x="1024569" y="1666766"/>
                  <a:pt x="809725" y="1879876"/>
                  <a:pt x="756450" y="2148655"/>
                </a:cubicBezTo>
                <a:cubicBezTo>
                  <a:pt x="1031640" y="2089976"/>
                  <a:pt x="1246483" y="1876866"/>
                  <a:pt x="1299759" y="1608087"/>
                </a:cubicBezTo>
                <a:close/>
                <a:moveTo>
                  <a:pt x="0" y="1504081"/>
                </a:moveTo>
                <a:cubicBezTo>
                  <a:pt x="306658" y="1594561"/>
                  <a:pt x="537576" y="1851117"/>
                  <a:pt x="582690" y="2165262"/>
                </a:cubicBezTo>
                <a:cubicBezTo>
                  <a:pt x="582857" y="2165315"/>
                  <a:pt x="583026" y="2165320"/>
                  <a:pt x="583195" y="2165325"/>
                </a:cubicBezTo>
                <a:lnTo>
                  <a:pt x="583735" y="2171962"/>
                </a:lnTo>
                <a:cubicBezTo>
                  <a:pt x="588792" y="2201969"/>
                  <a:pt x="591242" y="2232611"/>
                  <a:pt x="591199" y="2263693"/>
                </a:cubicBezTo>
                <a:cubicBezTo>
                  <a:pt x="592511" y="2269279"/>
                  <a:pt x="592570" y="2274903"/>
                  <a:pt x="592570" y="2280541"/>
                </a:cubicBezTo>
                <a:cubicBezTo>
                  <a:pt x="592570" y="2284333"/>
                  <a:pt x="592543" y="2288119"/>
                  <a:pt x="591977" y="2291891"/>
                </a:cubicBezTo>
                <a:lnTo>
                  <a:pt x="591478" y="2291858"/>
                </a:lnTo>
                <a:lnTo>
                  <a:pt x="591452" y="2292349"/>
                </a:lnTo>
                <a:lnTo>
                  <a:pt x="574334" y="2290736"/>
                </a:lnTo>
                <a:cubicBezTo>
                  <a:pt x="541959" y="2290213"/>
                  <a:pt x="510079" y="2287255"/>
                  <a:pt x="478907" y="2281745"/>
                </a:cubicBezTo>
                <a:cubicBezTo>
                  <a:pt x="473330" y="2282161"/>
                  <a:pt x="468001" y="2281220"/>
                  <a:pt x="462690" y="2280217"/>
                </a:cubicBezTo>
                <a:lnTo>
                  <a:pt x="462574" y="2279078"/>
                </a:lnTo>
                <a:cubicBezTo>
                  <a:pt x="282200" y="2249456"/>
                  <a:pt x="121485" y="2164343"/>
                  <a:pt x="0" y="2042401"/>
                </a:cubicBezTo>
                <a:lnTo>
                  <a:pt x="0" y="1837231"/>
                </a:lnTo>
                <a:cubicBezTo>
                  <a:pt x="97584" y="1993737"/>
                  <a:pt x="258975" y="2108093"/>
                  <a:pt x="449203" y="2148655"/>
                </a:cubicBezTo>
                <a:cubicBezTo>
                  <a:pt x="402182" y="1911427"/>
                  <a:pt x="229297" y="1717565"/>
                  <a:pt x="0" y="1635380"/>
                </a:cubicBezTo>
                <a:close/>
                <a:moveTo>
                  <a:pt x="11608704" y="1464394"/>
                </a:moveTo>
                <a:lnTo>
                  <a:pt x="11625791" y="1466004"/>
                </a:lnTo>
                <a:cubicBezTo>
                  <a:pt x="11658177" y="1466527"/>
                  <a:pt x="11690070" y="1469485"/>
                  <a:pt x="11721253" y="1474998"/>
                </a:cubicBezTo>
                <a:cubicBezTo>
                  <a:pt x="11726829" y="1474582"/>
                  <a:pt x="11732157" y="1475523"/>
                  <a:pt x="11737466" y="1476525"/>
                </a:cubicBezTo>
                <a:lnTo>
                  <a:pt x="11737583" y="1477664"/>
                </a:lnTo>
                <a:cubicBezTo>
                  <a:pt x="11914088" y="1506650"/>
                  <a:pt x="12071767" y="1588774"/>
                  <a:pt x="12192000" y="1706842"/>
                </a:cubicBezTo>
                <a:lnTo>
                  <a:pt x="12192000" y="1906833"/>
                </a:lnTo>
                <a:cubicBezTo>
                  <a:pt x="12093732" y="1756811"/>
                  <a:pt x="11935983" y="1647542"/>
                  <a:pt x="11750953" y="1608088"/>
                </a:cubicBezTo>
                <a:cubicBezTo>
                  <a:pt x="11797422" y="1842524"/>
                  <a:pt x="11966808" y="2034608"/>
                  <a:pt x="12192000" y="2118654"/>
                </a:cubicBezTo>
                <a:lnTo>
                  <a:pt x="12192000" y="2250657"/>
                </a:lnTo>
                <a:cubicBezTo>
                  <a:pt x="11889465" y="2157681"/>
                  <a:pt x="11662185" y="1902872"/>
                  <a:pt x="11617468" y="1591480"/>
                </a:cubicBezTo>
                <a:cubicBezTo>
                  <a:pt x="11617300" y="1591427"/>
                  <a:pt x="11617132" y="1591423"/>
                  <a:pt x="11616962" y="1591418"/>
                </a:cubicBezTo>
                <a:lnTo>
                  <a:pt x="11616424" y="1584794"/>
                </a:lnTo>
                <a:cubicBezTo>
                  <a:pt x="11611365" y="1554782"/>
                  <a:pt x="11608914" y="1524133"/>
                  <a:pt x="11608957" y="1493044"/>
                </a:cubicBezTo>
                <a:cubicBezTo>
                  <a:pt x="11607645" y="1487460"/>
                  <a:pt x="11607586" y="1481838"/>
                  <a:pt x="11607586" y="1476202"/>
                </a:cubicBezTo>
                <a:lnTo>
                  <a:pt x="11608180" y="1464851"/>
                </a:lnTo>
                <a:lnTo>
                  <a:pt x="11608678" y="1464884"/>
                </a:lnTo>
                <a:close/>
                <a:moveTo>
                  <a:pt x="11594916" y="1464394"/>
                </a:moveTo>
                <a:lnTo>
                  <a:pt x="11594942" y="1464884"/>
                </a:lnTo>
                <a:lnTo>
                  <a:pt x="11595440" y="1464852"/>
                </a:lnTo>
                <a:lnTo>
                  <a:pt x="11596034" y="1476202"/>
                </a:lnTo>
                <a:cubicBezTo>
                  <a:pt x="11596034" y="1481838"/>
                  <a:pt x="11595975" y="1487460"/>
                  <a:pt x="11594663" y="1493044"/>
                </a:cubicBezTo>
                <a:cubicBezTo>
                  <a:pt x="11594706" y="1524133"/>
                  <a:pt x="11592255" y="1554782"/>
                  <a:pt x="11587196" y="1584794"/>
                </a:cubicBezTo>
                <a:lnTo>
                  <a:pt x="11586658" y="1591418"/>
                </a:lnTo>
                <a:cubicBezTo>
                  <a:pt x="11586488" y="1591423"/>
                  <a:pt x="11586320" y="1591427"/>
                  <a:pt x="11586152" y="1591480"/>
                </a:cubicBezTo>
                <a:cubicBezTo>
                  <a:pt x="11535877" y="1941574"/>
                  <a:pt x="11254838" y="2220146"/>
                  <a:pt x="10895987" y="2279078"/>
                </a:cubicBezTo>
                <a:lnTo>
                  <a:pt x="10895871" y="2280217"/>
                </a:lnTo>
                <a:cubicBezTo>
                  <a:pt x="10890560" y="2281220"/>
                  <a:pt x="10885231" y="2282161"/>
                  <a:pt x="10879654" y="2281745"/>
                </a:cubicBezTo>
                <a:cubicBezTo>
                  <a:pt x="10848482" y="2287255"/>
                  <a:pt x="10816602" y="2290213"/>
                  <a:pt x="10784227" y="2290736"/>
                </a:cubicBezTo>
                <a:lnTo>
                  <a:pt x="10767109" y="2292349"/>
                </a:lnTo>
                <a:lnTo>
                  <a:pt x="10767083" y="2291858"/>
                </a:lnTo>
                <a:lnTo>
                  <a:pt x="10766584" y="2291891"/>
                </a:lnTo>
                <a:cubicBezTo>
                  <a:pt x="10766018" y="2288119"/>
                  <a:pt x="10765991" y="2284333"/>
                  <a:pt x="10765991" y="2280541"/>
                </a:cubicBezTo>
                <a:cubicBezTo>
                  <a:pt x="10765991" y="2274903"/>
                  <a:pt x="10766050" y="2269279"/>
                  <a:pt x="10767362" y="2263693"/>
                </a:cubicBezTo>
                <a:cubicBezTo>
                  <a:pt x="10767319" y="2232611"/>
                  <a:pt x="10769769" y="2201969"/>
                  <a:pt x="10774826" y="2171962"/>
                </a:cubicBezTo>
                <a:lnTo>
                  <a:pt x="10775366" y="2165325"/>
                </a:lnTo>
                <a:cubicBezTo>
                  <a:pt x="10775535" y="2165320"/>
                  <a:pt x="10775704" y="2165315"/>
                  <a:pt x="10775872" y="2165262"/>
                </a:cubicBezTo>
                <a:cubicBezTo>
                  <a:pt x="10826148" y="1815167"/>
                  <a:pt x="11107187" y="1536596"/>
                  <a:pt x="11466037" y="1477664"/>
                </a:cubicBezTo>
                <a:lnTo>
                  <a:pt x="11466154" y="1476525"/>
                </a:lnTo>
                <a:cubicBezTo>
                  <a:pt x="11471463" y="1475523"/>
                  <a:pt x="11476791" y="1474582"/>
                  <a:pt x="11482367" y="1474998"/>
                </a:cubicBezTo>
                <a:cubicBezTo>
                  <a:pt x="11513550" y="1469485"/>
                  <a:pt x="11545443" y="1466527"/>
                  <a:pt x="11577829" y="1466004"/>
                </a:cubicBezTo>
                <a:close/>
                <a:moveTo>
                  <a:pt x="9916551" y="1464394"/>
                </a:moveTo>
                <a:lnTo>
                  <a:pt x="9933638" y="1466004"/>
                </a:lnTo>
                <a:cubicBezTo>
                  <a:pt x="9966024" y="1466527"/>
                  <a:pt x="9997917" y="1469485"/>
                  <a:pt x="10029100" y="1474998"/>
                </a:cubicBezTo>
                <a:cubicBezTo>
                  <a:pt x="10034676" y="1474582"/>
                  <a:pt x="10040004" y="1475523"/>
                  <a:pt x="10045313" y="1476525"/>
                </a:cubicBezTo>
                <a:lnTo>
                  <a:pt x="10045430" y="1477664"/>
                </a:lnTo>
                <a:cubicBezTo>
                  <a:pt x="10404280" y="1536596"/>
                  <a:pt x="10685319" y="1815167"/>
                  <a:pt x="10735596" y="2165262"/>
                </a:cubicBezTo>
                <a:cubicBezTo>
                  <a:pt x="10735763" y="2165315"/>
                  <a:pt x="10735932" y="2165320"/>
                  <a:pt x="10736101" y="2165325"/>
                </a:cubicBezTo>
                <a:lnTo>
                  <a:pt x="10736641" y="2171962"/>
                </a:lnTo>
                <a:cubicBezTo>
                  <a:pt x="10741698" y="2201969"/>
                  <a:pt x="10744148" y="2232611"/>
                  <a:pt x="10744105" y="2263693"/>
                </a:cubicBezTo>
                <a:cubicBezTo>
                  <a:pt x="10745417" y="2269279"/>
                  <a:pt x="10745476" y="2274903"/>
                  <a:pt x="10745476" y="2280541"/>
                </a:cubicBezTo>
                <a:cubicBezTo>
                  <a:pt x="10745476" y="2284333"/>
                  <a:pt x="10745449" y="2288119"/>
                  <a:pt x="10744883" y="2291891"/>
                </a:cubicBezTo>
                <a:lnTo>
                  <a:pt x="10744384" y="2291858"/>
                </a:lnTo>
                <a:lnTo>
                  <a:pt x="10744358" y="2292349"/>
                </a:lnTo>
                <a:lnTo>
                  <a:pt x="10727240" y="2290736"/>
                </a:lnTo>
                <a:cubicBezTo>
                  <a:pt x="10694865" y="2290213"/>
                  <a:pt x="10662985" y="2287255"/>
                  <a:pt x="10631813" y="2281745"/>
                </a:cubicBezTo>
                <a:cubicBezTo>
                  <a:pt x="10626236" y="2282161"/>
                  <a:pt x="10620907" y="2281220"/>
                  <a:pt x="10615596" y="2280217"/>
                </a:cubicBezTo>
                <a:lnTo>
                  <a:pt x="10615480" y="2279078"/>
                </a:lnTo>
                <a:cubicBezTo>
                  <a:pt x="10256629" y="2220146"/>
                  <a:pt x="9975590" y="1941574"/>
                  <a:pt x="9925315" y="1591480"/>
                </a:cubicBezTo>
                <a:cubicBezTo>
                  <a:pt x="9925147" y="1591427"/>
                  <a:pt x="9924979" y="1591423"/>
                  <a:pt x="9924809" y="1591418"/>
                </a:cubicBezTo>
                <a:lnTo>
                  <a:pt x="9924271" y="1584794"/>
                </a:lnTo>
                <a:cubicBezTo>
                  <a:pt x="9919212" y="1554782"/>
                  <a:pt x="9916761" y="1524133"/>
                  <a:pt x="9916804" y="1493044"/>
                </a:cubicBezTo>
                <a:cubicBezTo>
                  <a:pt x="9915492" y="1487460"/>
                  <a:pt x="9915433" y="1481838"/>
                  <a:pt x="9915433" y="1476202"/>
                </a:cubicBezTo>
                <a:lnTo>
                  <a:pt x="9916027" y="1464852"/>
                </a:lnTo>
                <a:lnTo>
                  <a:pt x="9916525" y="1464884"/>
                </a:lnTo>
                <a:close/>
                <a:moveTo>
                  <a:pt x="9902763" y="1464394"/>
                </a:moveTo>
                <a:lnTo>
                  <a:pt x="9902789" y="1464884"/>
                </a:lnTo>
                <a:lnTo>
                  <a:pt x="9903287" y="1464852"/>
                </a:lnTo>
                <a:lnTo>
                  <a:pt x="9903881" y="1476202"/>
                </a:lnTo>
                <a:cubicBezTo>
                  <a:pt x="9903881" y="1481838"/>
                  <a:pt x="9903822" y="1487460"/>
                  <a:pt x="9902510" y="1493044"/>
                </a:cubicBezTo>
                <a:cubicBezTo>
                  <a:pt x="9902553" y="1524133"/>
                  <a:pt x="9900102" y="1554782"/>
                  <a:pt x="9895043" y="1584794"/>
                </a:cubicBezTo>
                <a:lnTo>
                  <a:pt x="9894505" y="1591418"/>
                </a:lnTo>
                <a:cubicBezTo>
                  <a:pt x="9894335" y="1591423"/>
                  <a:pt x="9894167" y="1591427"/>
                  <a:pt x="9893999" y="1591480"/>
                </a:cubicBezTo>
                <a:cubicBezTo>
                  <a:pt x="9843724" y="1941574"/>
                  <a:pt x="9562685" y="2220146"/>
                  <a:pt x="9203834" y="2279078"/>
                </a:cubicBezTo>
                <a:lnTo>
                  <a:pt x="9203718" y="2280217"/>
                </a:lnTo>
                <a:cubicBezTo>
                  <a:pt x="9198407" y="2281220"/>
                  <a:pt x="9193078" y="2282161"/>
                  <a:pt x="9187501" y="2281745"/>
                </a:cubicBezTo>
                <a:cubicBezTo>
                  <a:pt x="9156329" y="2287255"/>
                  <a:pt x="9124449" y="2290213"/>
                  <a:pt x="9092074" y="2290736"/>
                </a:cubicBezTo>
                <a:lnTo>
                  <a:pt x="9074956" y="2292349"/>
                </a:lnTo>
                <a:lnTo>
                  <a:pt x="9074930" y="2291858"/>
                </a:lnTo>
                <a:lnTo>
                  <a:pt x="9074431" y="2291891"/>
                </a:lnTo>
                <a:cubicBezTo>
                  <a:pt x="9073865" y="2288119"/>
                  <a:pt x="9073838" y="2284333"/>
                  <a:pt x="9073838" y="2280541"/>
                </a:cubicBezTo>
                <a:cubicBezTo>
                  <a:pt x="9073838" y="2274903"/>
                  <a:pt x="9073897" y="2269279"/>
                  <a:pt x="9075209" y="2263693"/>
                </a:cubicBezTo>
                <a:cubicBezTo>
                  <a:pt x="9075166" y="2232611"/>
                  <a:pt x="9077616" y="2201969"/>
                  <a:pt x="9082673" y="2171962"/>
                </a:cubicBezTo>
                <a:lnTo>
                  <a:pt x="9083213" y="2165325"/>
                </a:lnTo>
                <a:cubicBezTo>
                  <a:pt x="9083382" y="2165320"/>
                  <a:pt x="9083551" y="2165315"/>
                  <a:pt x="9083718" y="2165262"/>
                </a:cubicBezTo>
                <a:cubicBezTo>
                  <a:pt x="9133995" y="1815167"/>
                  <a:pt x="9415034" y="1536596"/>
                  <a:pt x="9773884" y="1477664"/>
                </a:cubicBezTo>
                <a:lnTo>
                  <a:pt x="9774001" y="1476525"/>
                </a:lnTo>
                <a:cubicBezTo>
                  <a:pt x="9779310" y="1475523"/>
                  <a:pt x="9784638" y="1474582"/>
                  <a:pt x="9790214" y="1474998"/>
                </a:cubicBezTo>
                <a:cubicBezTo>
                  <a:pt x="9821397" y="1469485"/>
                  <a:pt x="9853290" y="1466527"/>
                  <a:pt x="9885676" y="1466004"/>
                </a:cubicBezTo>
                <a:close/>
                <a:moveTo>
                  <a:pt x="8224400" y="1464394"/>
                </a:moveTo>
                <a:lnTo>
                  <a:pt x="8241488" y="1466004"/>
                </a:lnTo>
                <a:cubicBezTo>
                  <a:pt x="8273873" y="1466527"/>
                  <a:pt x="8305766" y="1469485"/>
                  <a:pt x="8336949" y="1474998"/>
                </a:cubicBezTo>
                <a:cubicBezTo>
                  <a:pt x="8342525" y="1474582"/>
                  <a:pt x="8347853" y="1475523"/>
                  <a:pt x="8353162" y="1476525"/>
                </a:cubicBezTo>
                <a:lnTo>
                  <a:pt x="8353279" y="1477664"/>
                </a:lnTo>
                <a:cubicBezTo>
                  <a:pt x="8712129" y="1536596"/>
                  <a:pt x="8993168" y="1815167"/>
                  <a:pt x="9043444" y="2165262"/>
                </a:cubicBezTo>
                <a:cubicBezTo>
                  <a:pt x="9043612" y="2165315"/>
                  <a:pt x="9043781" y="2165320"/>
                  <a:pt x="9043950" y="2165325"/>
                </a:cubicBezTo>
                <a:lnTo>
                  <a:pt x="9044490" y="2171962"/>
                </a:lnTo>
                <a:cubicBezTo>
                  <a:pt x="9049547" y="2201969"/>
                  <a:pt x="9051997" y="2232611"/>
                  <a:pt x="9051954" y="2263693"/>
                </a:cubicBezTo>
                <a:cubicBezTo>
                  <a:pt x="9053266" y="2269279"/>
                  <a:pt x="9053325" y="2274903"/>
                  <a:pt x="9053325" y="2280541"/>
                </a:cubicBezTo>
                <a:cubicBezTo>
                  <a:pt x="9053325" y="2284333"/>
                  <a:pt x="9053298" y="2288119"/>
                  <a:pt x="9052732" y="2291891"/>
                </a:cubicBezTo>
                <a:lnTo>
                  <a:pt x="9052233" y="2291858"/>
                </a:lnTo>
                <a:lnTo>
                  <a:pt x="9052207" y="2292349"/>
                </a:lnTo>
                <a:lnTo>
                  <a:pt x="9035089" y="2290736"/>
                </a:lnTo>
                <a:cubicBezTo>
                  <a:pt x="9002714" y="2290213"/>
                  <a:pt x="8970834" y="2287255"/>
                  <a:pt x="8939662" y="2281745"/>
                </a:cubicBezTo>
                <a:cubicBezTo>
                  <a:pt x="8934085" y="2282161"/>
                  <a:pt x="8928756" y="2281220"/>
                  <a:pt x="8923445" y="2280217"/>
                </a:cubicBezTo>
                <a:lnTo>
                  <a:pt x="8923329" y="2279078"/>
                </a:lnTo>
                <a:cubicBezTo>
                  <a:pt x="8564478" y="2220146"/>
                  <a:pt x="8283439" y="1941574"/>
                  <a:pt x="8233164" y="1591480"/>
                </a:cubicBezTo>
                <a:cubicBezTo>
                  <a:pt x="8232996" y="1591427"/>
                  <a:pt x="8232828" y="1591423"/>
                  <a:pt x="8232658" y="1591418"/>
                </a:cubicBezTo>
                <a:lnTo>
                  <a:pt x="8232120" y="1584794"/>
                </a:lnTo>
                <a:cubicBezTo>
                  <a:pt x="8227061" y="1554782"/>
                  <a:pt x="8224611" y="1524133"/>
                  <a:pt x="8224653" y="1493044"/>
                </a:cubicBezTo>
                <a:cubicBezTo>
                  <a:pt x="8223341" y="1487460"/>
                  <a:pt x="8223282" y="1481838"/>
                  <a:pt x="8223282" y="1476202"/>
                </a:cubicBezTo>
                <a:lnTo>
                  <a:pt x="8223876" y="1464852"/>
                </a:lnTo>
                <a:lnTo>
                  <a:pt x="8224374" y="1464884"/>
                </a:lnTo>
                <a:close/>
                <a:moveTo>
                  <a:pt x="8210612" y="1464394"/>
                </a:moveTo>
                <a:lnTo>
                  <a:pt x="8210638" y="1464884"/>
                </a:lnTo>
                <a:lnTo>
                  <a:pt x="8211136" y="1464852"/>
                </a:lnTo>
                <a:lnTo>
                  <a:pt x="8211730" y="1476202"/>
                </a:lnTo>
                <a:cubicBezTo>
                  <a:pt x="8211730" y="1481838"/>
                  <a:pt x="8211672" y="1487460"/>
                  <a:pt x="8210360" y="1493044"/>
                </a:cubicBezTo>
                <a:cubicBezTo>
                  <a:pt x="8210402" y="1524133"/>
                  <a:pt x="8207951" y="1554782"/>
                  <a:pt x="8202893" y="1584794"/>
                </a:cubicBezTo>
                <a:lnTo>
                  <a:pt x="8202354" y="1591418"/>
                </a:lnTo>
                <a:cubicBezTo>
                  <a:pt x="8202185" y="1591423"/>
                  <a:pt x="8202016" y="1591427"/>
                  <a:pt x="8201849" y="1591480"/>
                </a:cubicBezTo>
                <a:cubicBezTo>
                  <a:pt x="8151573" y="1941574"/>
                  <a:pt x="7870534" y="2220146"/>
                  <a:pt x="7511683" y="2279078"/>
                </a:cubicBezTo>
                <a:lnTo>
                  <a:pt x="7511567" y="2280217"/>
                </a:lnTo>
                <a:cubicBezTo>
                  <a:pt x="7506256" y="2281220"/>
                  <a:pt x="7500927" y="2282161"/>
                  <a:pt x="7495350" y="2281745"/>
                </a:cubicBezTo>
                <a:cubicBezTo>
                  <a:pt x="7464178" y="2287255"/>
                  <a:pt x="7432298" y="2290213"/>
                  <a:pt x="7399924" y="2290736"/>
                </a:cubicBezTo>
                <a:lnTo>
                  <a:pt x="7382805" y="2292349"/>
                </a:lnTo>
                <a:lnTo>
                  <a:pt x="7382779" y="2291858"/>
                </a:lnTo>
                <a:lnTo>
                  <a:pt x="7382280" y="2291891"/>
                </a:lnTo>
                <a:cubicBezTo>
                  <a:pt x="7381714" y="2288119"/>
                  <a:pt x="7381687" y="2284333"/>
                  <a:pt x="7381687" y="2280541"/>
                </a:cubicBezTo>
                <a:cubicBezTo>
                  <a:pt x="7381687" y="2274903"/>
                  <a:pt x="7381746" y="2269279"/>
                  <a:pt x="7383058" y="2263693"/>
                </a:cubicBezTo>
                <a:cubicBezTo>
                  <a:pt x="7383016" y="2232611"/>
                  <a:pt x="7385465" y="2201969"/>
                  <a:pt x="7390522" y="2171962"/>
                </a:cubicBezTo>
                <a:lnTo>
                  <a:pt x="7391062" y="2165325"/>
                </a:lnTo>
                <a:cubicBezTo>
                  <a:pt x="7391231" y="2165320"/>
                  <a:pt x="7391400" y="2165315"/>
                  <a:pt x="7391568" y="2165262"/>
                </a:cubicBezTo>
                <a:cubicBezTo>
                  <a:pt x="7441844" y="1815167"/>
                  <a:pt x="7722883" y="1536596"/>
                  <a:pt x="8081734" y="1477664"/>
                </a:cubicBezTo>
                <a:lnTo>
                  <a:pt x="8081851" y="1476525"/>
                </a:lnTo>
                <a:cubicBezTo>
                  <a:pt x="8087159" y="1475523"/>
                  <a:pt x="8092487" y="1474582"/>
                  <a:pt x="8098063" y="1474998"/>
                </a:cubicBezTo>
                <a:cubicBezTo>
                  <a:pt x="8129247" y="1469485"/>
                  <a:pt x="8161139" y="1466527"/>
                  <a:pt x="8193525" y="1466004"/>
                </a:cubicBezTo>
                <a:close/>
                <a:moveTo>
                  <a:pt x="6532249" y="1464394"/>
                </a:moveTo>
                <a:lnTo>
                  <a:pt x="6549337" y="1466004"/>
                </a:lnTo>
                <a:cubicBezTo>
                  <a:pt x="6581722" y="1466527"/>
                  <a:pt x="6613615" y="1469485"/>
                  <a:pt x="6644798" y="1474998"/>
                </a:cubicBezTo>
                <a:cubicBezTo>
                  <a:pt x="6650374" y="1474582"/>
                  <a:pt x="6655702" y="1475523"/>
                  <a:pt x="6661011" y="1476525"/>
                </a:cubicBezTo>
                <a:lnTo>
                  <a:pt x="6661128" y="1477664"/>
                </a:lnTo>
                <a:cubicBezTo>
                  <a:pt x="7019978" y="1536596"/>
                  <a:pt x="7301017" y="1815167"/>
                  <a:pt x="7351294" y="2165262"/>
                </a:cubicBezTo>
                <a:cubicBezTo>
                  <a:pt x="7351461" y="2165315"/>
                  <a:pt x="7351631" y="2165320"/>
                  <a:pt x="7351799" y="2165325"/>
                </a:cubicBezTo>
                <a:lnTo>
                  <a:pt x="7352340" y="2171962"/>
                </a:lnTo>
                <a:cubicBezTo>
                  <a:pt x="7357396" y="2201969"/>
                  <a:pt x="7359846" y="2232611"/>
                  <a:pt x="7359804" y="2263693"/>
                </a:cubicBezTo>
                <a:cubicBezTo>
                  <a:pt x="7361116" y="2269279"/>
                  <a:pt x="7361174" y="2274903"/>
                  <a:pt x="7361174" y="2280541"/>
                </a:cubicBezTo>
                <a:cubicBezTo>
                  <a:pt x="7361174" y="2284333"/>
                  <a:pt x="7361147" y="2288119"/>
                  <a:pt x="7360581" y="2291891"/>
                </a:cubicBezTo>
                <a:lnTo>
                  <a:pt x="7360082" y="2291858"/>
                </a:lnTo>
                <a:lnTo>
                  <a:pt x="7360056" y="2292349"/>
                </a:lnTo>
                <a:lnTo>
                  <a:pt x="7342938" y="2290736"/>
                </a:lnTo>
                <a:cubicBezTo>
                  <a:pt x="7310564" y="2290213"/>
                  <a:pt x="7278683" y="2287255"/>
                  <a:pt x="7247511" y="2281745"/>
                </a:cubicBezTo>
                <a:cubicBezTo>
                  <a:pt x="7241934" y="2282161"/>
                  <a:pt x="7236605" y="2281220"/>
                  <a:pt x="7231295" y="2280217"/>
                </a:cubicBezTo>
                <a:lnTo>
                  <a:pt x="7231179" y="2279078"/>
                </a:lnTo>
                <a:cubicBezTo>
                  <a:pt x="6872327" y="2220146"/>
                  <a:pt x="6591288" y="1941574"/>
                  <a:pt x="6541013" y="1591480"/>
                </a:cubicBezTo>
                <a:cubicBezTo>
                  <a:pt x="6540845" y="1591427"/>
                  <a:pt x="6540677" y="1591423"/>
                  <a:pt x="6540507" y="1591418"/>
                </a:cubicBezTo>
                <a:lnTo>
                  <a:pt x="6539969" y="1584794"/>
                </a:lnTo>
                <a:cubicBezTo>
                  <a:pt x="6534910" y="1554782"/>
                  <a:pt x="6532460" y="1524133"/>
                  <a:pt x="6532502" y="1493044"/>
                </a:cubicBezTo>
                <a:cubicBezTo>
                  <a:pt x="6531190" y="1487460"/>
                  <a:pt x="6531131" y="1481838"/>
                  <a:pt x="6531131" y="1476202"/>
                </a:cubicBezTo>
                <a:lnTo>
                  <a:pt x="6531725" y="1464852"/>
                </a:lnTo>
                <a:lnTo>
                  <a:pt x="6532223" y="1464884"/>
                </a:lnTo>
                <a:close/>
                <a:moveTo>
                  <a:pt x="6518461" y="1464394"/>
                </a:moveTo>
                <a:lnTo>
                  <a:pt x="6518487" y="1464884"/>
                </a:lnTo>
                <a:lnTo>
                  <a:pt x="6518985" y="1464852"/>
                </a:lnTo>
                <a:lnTo>
                  <a:pt x="6519579" y="1476202"/>
                </a:lnTo>
                <a:cubicBezTo>
                  <a:pt x="6519579" y="1481838"/>
                  <a:pt x="6519520" y="1487460"/>
                  <a:pt x="6518208" y="1493044"/>
                </a:cubicBezTo>
                <a:cubicBezTo>
                  <a:pt x="6518250" y="1524133"/>
                  <a:pt x="6515800" y="1554782"/>
                  <a:pt x="6510741" y="1584794"/>
                </a:cubicBezTo>
                <a:lnTo>
                  <a:pt x="6510203" y="1591418"/>
                </a:lnTo>
                <a:cubicBezTo>
                  <a:pt x="6510033" y="1591423"/>
                  <a:pt x="6509865" y="1591427"/>
                  <a:pt x="6509697" y="1591480"/>
                </a:cubicBezTo>
                <a:cubicBezTo>
                  <a:pt x="6459422" y="1941574"/>
                  <a:pt x="6178383" y="2220146"/>
                  <a:pt x="5819531" y="2279078"/>
                </a:cubicBezTo>
                <a:lnTo>
                  <a:pt x="5819415" y="2280217"/>
                </a:lnTo>
                <a:cubicBezTo>
                  <a:pt x="5814105" y="2281220"/>
                  <a:pt x="5808776" y="2282161"/>
                  <a:pt x="5803199" y="2281745"/>
                </a:cubicBezTo>
                <a:cubicBezTo>
                  <a:pt x="5772027" y="2287255"/>
                  <a:pt x="5740146" y="2290213"/>
                  <a:pt x="5707772" y="2290736"/>
                </a:cubicBezTo>
                <a:lnTo>
                  <a:pt x="5690654" y="2292349"/>
                </a:lnTo>
                <a:lnTo>
                  <a:pt x="5690628" y="2291858"/>
                </a:lnTo>
                <a:lnTo>
                  <a:pt x="5690129" y="2291891"/>
                </a:lnTo>
                <a:cubicBezTo>
                  <a:pt x="5689563" y="2288119"/>
                  <a:pt x="5689536" y="2284333"/>
                  <a:pt x="5689536" y="2280541"/>
                </a:cubicBezTo>
                <a:cubicBezTo>
                  <a:pt x="5689536" y="2274903"/>
                  <a:pt x="5689594" y="2269279"/>
                  <a:pt x="5690906" y="2263693"/>
                </a:cubicBezTo>
                <a:cubicBezTo>
                  <a:pt x="5690864" y="2232611"/>
                  <a:pt x="5693314" y="2201969"/>
                  <a:pt x="5698370" y="2171962"/>
                </a:cubicBezTo>
                <a:lnTo>
                  <a:pt x="5698911" y="2165325"/>
                </a:lnTo>
                <a:cubicBezTo>
                  <a:pt x="5699079" y="2165320"/>
                  <a:pt x="5699249" y="2165315"/>
                  <a:pt x="5699416" y="2165262"/>
                </a:cubicBezTo>
                <a:cubicBezTo>
                  <a:pt x="5749693" y="1815167"/>
                  <a:pt x="6030732" y="1536596"/>
                  <a:pt x="6389582" y="1477664"/>
                </a:cubicBezTo>
                <a:lnTo>
                  <a:pt x="6389699" y="1476525"/>
                </a:lnTo>
                <a:cubicBezTo>
                  <a:pt x="6395008" y="1475523"/>
                  <a:pt x="6400336" y="1474582"/>
                  <a:pt x="6405912" y="1474998"/>
                </a:cubicBezTo>
                <a:cubicBezTo>
                  <a:pt x="6437095" y="1469485"/>
                  <a:pt x="6468988" y="1466527"/>
                  <a:pt x="6501373" y="1466004"/>
                </a:cubicBezTo>
                <a:close/>
                <a:moveTo>
                  <a:pt x="4840098" y="1464394"/>
                </a:moveTo>
                <a:lnTo>
                  <a:pt x="4857185" y="1466004"/>
                </a:lnTo>
                <a:cubicBezTo>
                  <a:pt x="4889571" y="1466527"/>
                  <a:pt x="4921463" y="1469485"/>
                  <a:pt x="4952647" y="1474998"/>
                </a:cubicBezTo>
                <a:cubicBezTo>
                  <a:pt x="4958223" y="1474582"/>
                  <a:pt x="4963551" y="1475523"/>
                  <a:pt x="4968859" y="1476525"/>
                </a:cubicBezTo>
                <a:lnTo>
                  <a:pt x="4968976" y="1477664"/>
                </a:lnTo>
                <a:cubicBezTo>
                  <a:pt x="5327827" y="1536596"/>
                  <a:pt x="5608866" y="1815167"/>
                  <a:pt x="5659142" y="2165262"/>
                </a:cubicBezTo>
                <a:cubicBezTo>
                  <a:pt x="5659310" y="2165315"/>
                  <a:pt x="5659479" y="2165320"/>
                  <a:pt x="5659648" y="2165325"/>
                </a:cubicBezTo>
                <a:lnTo>
                  <a:pt x="5660188" y="2171962"/>
                </a:lnTo>
                <a:cubicBezTo>
                  <a:pt x="5665245" y="2201969"/>
                  <a:pt x="5667694" y="2232611"/>
                  <a:pt x="5667652" y="2263693"/>
                </a:cubicBezTo>
                <a:cubicBezTo>
                  <a:pt x="5668964" y="2269279"/>
                  <a:pt x="5669023" y="2274903"/>
                  <a:pt x="5669023" y="2280541"/>
                </a:cubicBezTo>
                <a:cubicBezTo>
                  <a:pt x="5669023" y="2284333"/>
                  <a:pt x="5668996" y="2288119"/>
                  <a:pt x="5668430" y="2291891"/>
                </a:cubicBezTo>
                <a:lnTo>
                  <a:pt x="5667931" y="2291858"/>
                </a:lnTo>
                <a:lnTo>
                  <a:pt x="5667905" y="2292349"/>
                </a:lnTo>
                <a:lnTo>
                  <a:pt x="5650786" y="2290736"/>
                </a:lnTo>
                <a:cubicBezTo>
                  <a:pt x="5618412" y="2290213"/>
                  <a:pt x="5586532" y="2287255"/>
                  <a:pt x="5555360" y="2281745"/>
                </a:cubicBezTo>
                <a:cubicBezTo>
                  <a:pt x="5549783" y="2282161"/>
                  <a:pt x="5544454" y="2281220"/>
                  <a:pt x="5539143" y="2280217"/>
                </a:cubicBezTo>
                <a:lnTo>
                  <a:pt x="5539027" y="2279078"/>
                </a:lnTo>
                <a:cubicBezTo>
                  <a:pt x="5180176" y="2220146"/>
                  <a:pt x="4899137" y="1941574"/>
                  <a:pt x="4848861" y="1591480"/>
                </a:cubicBezTo>
                <a:cubicBezTo>
                  <a:pt x="4848694" y="1591427"/>
                  <a:pt x="4848525" y="1591423"/>
                  <a:pt x="4848356" y="1591418"/>
                </a:cubicBezTo>
                <a:lnTo>
                  <a:pt x="4847817" y="1584794"/>
                </a:lnTo>
                <a:cubicBezTo>
                  <a:pt x="4842759" y="1554782"/>
                  <a:pt x="4840308" y="1524133"/>
                  <a:pt x="4840350" y="1493044"/>
                </a:cubicBezTo>
                <a:cubicBezTo>
                  <a:pt x="4839038" y="1487460"/>
                  <a:pt x="4838980" y="1481838"/>
                  <a:pt x="4838980" y="1476202"/>
                </a:cubicBezTo>
                <a:lnTo>
                  <a:pt x="4839574" y="1464852"/>
                </a:lnTo>
                <a:lnTo>
                  <a:pt x="4840072" y="1464884"/>
                </a:lnTo>
                <a:close/>
                <a:moveTo>
                  <a:pt x="4826310" y="1464394"/>
                </a:moveTo>
                <a:lnTo>
                  <a:pt x="4826336" y="1464884"/>
                </a:lnTo>
                <a:lnTo>
                  <a:pt x="4826834" y="1464852"/>
                </a:lnTo>
                <a:lnTo>
                  <a:pt x="4827428" y="1476202"/>
                </a:lnTo>
                <a:cubicBezTo>
                  <a:pt x="4827428" y="1481838"/>
                  <a:pt x="4827369" y="1487460"/>
                  <a:pt x="4826057" y="1493044"/>
                </a:cubicBezTo>
                <a:cubicBezTo>
                  <a:pt x="4826099" y="1524133"/>
                  <a:pt x="4823649" y="1554782"/>
                  <a:pt x="4818590" y="1584794"/>
                </a:cubicBezTo>
                <a:lnTo>
                  <a:pt x="4818052" y="1591418"/>
                </a:lnTo>
                <a:cubicBezTo>
                  <a:pt x="4817882" y="1591423"/>
                  <a:pt x="4817714" y="1591427"/>
                  <a:pt x="4817546" y="1591480"/>
                </a:cubicBezTo>
                <a:cubicBezTo>
                  <a:pt x="4767271" y="1941574"/>
                  <a:pt x="4486232" y="2220146"/>
                  <a:pt x="4127381" y="2279078"/>
                </a:cubicBezTo>
                <a:lnTo>
                  <a:pt x="4127264" y="2280217"/>
                </a:lnTo>
                <a:cubicBezTo>
                  <a:pt x="4121954" y="2281220"/>
                  <a:pt x="4116625" y="2282161"/>
                  <a:pt x="4111048" y="2281745"/>
                </a:cubicBezTo>
                <a:cubicBezTo>
                  <a:pt x="4079876" y="2287255"/>
                  <a:pt x="4047996" y="2290213"/>
                  <a:pt x="4015621" y="2290736"/>
                </a:cubicBezTo>
                <a:lnTo>
                  <a:pt x="3998503" y="2292349"/>
                </a:lnTo>
                <a:lnTo>
                  <a:pt x="3998477" y="2291858"/>
                </a:lnTo>
                <a:lnTo>
                  <a:pt x="3997978" y="2291891"/>
                </a:lnTo>
                <a:cubicBezTo>
                  <a:pt x="3997412" y="2288119"/>
                  <a:pt x="3997385" y="2284333"/>
                  <a:pt x="3997385" y="2280541"/>
                </a:cubicBezTo>
                <a:cubicBezTo>
                  <a:pt x="3997385" y="2274903"/>
                  <a:pt x="3997443" y="2269279"/>
                  <a:pt x="3998755" y="2263693"/>
                </a:cubicBezTo>
                <a:cubicBezTo>
                  <a:pt x="3998713" y="2232611"/>
                  <a:pt x="4001163" y="2201969"/>
                  <a:pt x="4006219" y="2171962"/>
                </a:cubicBezTo>
                <a:lnTo>
                  <a:pt x="4006760" y="2165325"/>
                </a:lnTo>
                <a:cubicBezTo>
                  <a:pt x="4006928" y="2165320"/>
                  <a:pt x="4007098" y="2165315"/>
                  <a:pt x="4007265" y="2165262"/>
                </a:cubicBezTo>
                <a:cubicBezTo>
                  <a:pt x="4057542" y="1815167"/>
                  <a:pt x="4338581" y="1536596"/>
                  <a:pt x="4697431" y="1477664"/>
                </a:cubicBezTo>
                <a:lnTo>
                  <a:pt x="4697548" y="1476525"/>
                </a:lnTo>
                <a:cubicBezTo>
                  <a:pt x="4702857" y="1475523"/>
                  <a:pt x="4708185" y="1474582"/>
                  <a:pt x="4713761" y="1474998"/>
                </a:cubicBezTo>
                <a:cubicBezTo>
                  <a:pt x="4744944" y="1469485"/>
                  <a:pt x="4776837" y="1466527"/>
                  <a:pt x="4809222" y="1466004"/>
                </a:cubicBezTo>
                <a:close/>
                <a:moveTo>
                  <a:pt x="3147947" y="1464394"/>
                </a:moveTo>
                <a:lnTo>
                  <a:pt x="3165034" y="1466004"/>
                </a:lnTo>
                <a:cubicBezTo>
                  <a:pt x="3197420" y="1466527"/>
                  <a:pt x="3229312" y="1469485"/>
                  <a:pt x="3260496" y="1474998"/>
                </a:cubicBezTo>
                <a:cubicBezTo>
                  <a:pt x="3266072" y="1474582"/>
                  <a:pt x="3271400" y="1475523"/>
                  <a:pt x="3276708" y="1476525"/>
                </a:cubicBezTo>
                <a:lnTo>
                  <a:pt x="3276826" y="1477664"/>
                </a:lnTo>
                <a:cubicBezTo>
                  <a:pt x="3635676" y="1536596"/>
                  <a:pt x="3916715" y="1815167"/>
                  <a:pt x="3966991" y="2165262"/>
                </a:cubicBezTo>
                <a:cubicBezTo>
                  <a:pt x="3967159" y="2165315"/>
                  <a:pt x="3967328" y="2165320"/>
                  <a:pt x="3967497" y="2165325"/>
                </a:cubicBezTo>
                <a:lnTo>
                  <a:pt x="3968037" y="2171962"/>
                </a:lnTo>
                <a:cubicBezTo>
                  <a:pt x="3973094" y="2201969"/>
                  <a:pt x="3975543" y="2232611"/>
                  <a:pt x="3975501" y="2263693"/>
                </a:cubicBezTo>
                <a:cubicBezTo>
                  <a:pt x="3976813" y="2269279"/>
                  <a:pt x="3976872" y="2274903"/>
                  <a:pt x="3976872" y="2280541"/>
                </a:cubicBezTo>
                <a:cubicBezTo>
                  <a:pt x="3976872" y="2284333"/>
                  <a:pt x="3976845" y="2288119"/>
                  <a:pt x="3976279" y="2291891"/>
                </a:cubicBezTo>
                <a:lnTo>
                  <a:pt x="3975780" y="2291858"/>
                </a:lnTo>
                <a:lnTo>
                  <a:pt x="3975754" y="2292349"/>
                </a:lnTo>
                <a:lnTo>
                  <a:pt x="3958635" y="2290736"/>
                </a:lnTo>
                <a:cubicBezTo>
                  <a:pt x="3926261" y="2290213"/>
                  <a:pt x="3894381" y="2287255"/>
                  <a:pt x="3863209" y="2281745"/>
                </a:cubicBezTo>
                <a:cubicBezTo>
                  <a:pt x="3857632" y="2282161"/>
                  <a:pt x="3852303" y="2281220"/>
                  <a:pt x="3846992" y="2280217"/>
                </a:cubicBezTo>
                <a:lnTo>
                  <a:pt x="3846876" y="2279078"/>
                </a:lnTo>
                <a:cubicBezTo>
                  <a:pt x="3488025" y="2220146"/>
                  <a:pt x="3206986" y="1941574"/>
                  <a:pt x="3156710" y="1591480"/>
                </a:cubicBezTo>
                <a:cubicBezTo>
                  <a:pt x="3156543" y="1591427"/>
                  <a:pt x="3156374" y="1591423"/>
                  <a:pt x="3156205" y="1591418"/>
                </a:cubicBezTo>
                <a:lnTo>
                  <a:pt x="3155667" y="1584794"/>
                </a:lnTo>
                <a:cubicBezTo>
                  <a:pt x="3150608" y="1554782"/>
                  <a:pt x="3148157" y="1524133"/>
                  <a:pt x="3148199" y="1493044"/>
                </a:cubicBezTo>
                <a:cubicBezTo>
                  <a:pt x="3146887" y="1487460"/>
                  <a:pt x="3146829" y="1481838"/>
                  <a:pt x="3146829" y="1476202"/>
                </a:cubicBezTo>
                <a:lnTo>
                  <a:pt x="3147423" y="1464852"/>
                </a:lnTo>
                <a:lnTo>
                  <a:pt x="3147921" y="1464884"/>
                </a:lnTo>
                <a:close/>
                <a:moveTo>
                  <a:pt x="3134159" y="1464394"/>
                </a:moveTo>
                <a:lnTo>
                  <a:pt x="3134185" y="1464884"/>
                </a:lnTo>
                <a:lnTo>
                  <a:pt x="3134683" y="1464852"/>
                </a:lnTo>
                <a:lnTo>
                  <a:pt x="3135277" y="1476202"/>
                </a:lnTo>
                <a:cubicBezTo>
                  <a:pt x="3135277" y="1481838"/>
                  <a:pt x="3135218" y="1487460"/>
                  <a:pt x="3133906" y="1493044"/>
                </a:cubicBezTo>
                <a:cubicBezTo>
                  <a:pt x="3133948" y="1524133"/>
                  <a:pt x="3131498" y="1554782"/>
                  <a:pt x="3126439" y="1584794"/>
                </a:cubicBezTo>
                <a:lnTo>
                  <a:pt x="3125901" y="1591418"/>
                </a:lnTo>
                <a:cubicBezTo>
                  <a:pt x="3125731" y="1591423"/>
                  <a:pt x="3125563" y="1591427"/>
                  <a:pt x="3125395" y="1591480"/>
                </a:cubicBezTo>
                <a:cubicBezTo>
                  <a:pt x="3075120" y="1941574"/>
                  <a:pt x="2794081" y="2220146"/>
                  <a:pt x="2435230" y="2279078"/>
                </a:cubicBezTo>
                <a:lnTo>
                  <a:pt x="2435113" y="2280217"/>
                </a:lnTo>
                <a:cubicBezTo>
                  <a:pt x="2429803" y="2281220"/>
                  <a:pt x="2424474" y="2282161"/>
                  <a:pt x="2418897" y="2281745"/>
                </a:cubicBezTo>
                <a:cubicBezTo>
                  <a:pt x="2387725" y="2287255"/>
                  <a:pt x="2355845" y="2290213"/>
                  <a:pt x="2323470" y="2290736"/>
                </a:cubicBezTo>
                <a:lnTo>
                  <a:pt x="2306352" y="2292349"/>
                </a:lnTo>
                <a:lnTo>
                  <a:pt x="2306326" y="2291858"/>
                </a:lnTo>
                <a:lnTo>
                  <a:pt x="2305827" y="2291891"/>
                </a:lnTo>
                <a:cubicBezTo>
                  <a:pt x="2305261" y="2288119"/>
                  <a:pt x="2305234" y="2284333"/>
                  <a:pt x="2305234" y="2280541"/>
                </a:cubicBezTo>
                <a:cubicBezTo>
                  <a:pt x="2305234" y="2274903"/>
                  <a:pt x="2305292" y="2269279"/>
                  <a:pt x="2306604" y="2263693"/>
                </a:cubicBezTo>
                <a:cubicBezTo>
                  <a:pt x="2306562" y="2232611"/>
                  <a:pt x="2309012" y="2201969"/>
                  <a:pt x="2314068" y="2171962"/>
                </a:cubicBezTo>
                <a:lnTo>
                  <a:pt x="2314609" y="2165325"/>
                </a:lnTo>
                <a:cubicBezTo>
                  <a:pt x="2314777" y="2165320"/>
                  <a:pt x="2314947" y="2165315"/>
                  <a:pt x="2315114" y="2165262"/>
                </a:cubicBezTo>
                <a:cubicBezTo>
                  <a:pt x="2365391" y="1815167"/>
                  <a:pt x="2646430" y="1536596"/>
                  <a:pt x="3005280" y="1477664"/>
                </a:cubicBezTo>
                <a:lnTo>
                  <a:pt x="3005397" y="1476525"/>
                </a:lnTo>
                <a:cubicBezTo>
                  <a:pt x="3010706" y="1475523"/>
                  <a:pt x="3016034" y="1474582"/>
                  <a:pt x="3021610" y="1474998"/>
                </a:cubicBezTo>
                <a:cubicBezTo>
                  <a:pt x="3052793" y="1469485"/>
                  <a:pt x="3084686" y="1466527"/>
                  <a:pt x="3117071" y="1466004"/>
                </a:cubicBezTo>
                <a:close/>
                <a:moveTo>
                  <a:pt x="1455796" y="1464394"/>
                </a:moveTo>
                <a:lnTo>
                  <a:pt x="1472883" y="1466004"/>
                </a:lnTo>
                <a:cubicBezTo>
                  <a:pt x="1505269" y="1466527"/>
                  <a:pt x="1537161" y="1469485"/>
                  <a:pt x="1568345" y="1474998"/>
                </a:cubicBezTo>
                <a:cubicBezTo>
                  <a:pt x="1573921" y="1474582"/>
                  <a:pt x="1579249" y="1475523"/>
                  <a:pt x="1584557" y="1476525"/>
                </a:cubicBezTo>
                <a:lnTo>
                  <a:pt x="1584675" y="1477664"/>
                </a:lnTo>
                <a:cubicBezTo>
                  <a:pt x="1943525" y="1536596"/>
                  <a:pt x="2224564" y="1815167"/>
                  <a:pt x="2274840" y="2165262"/>
                </a:cubicBezTo>
                <a:cubicBezTo>
                  <a:pt x="2275008" y="2165315"/>
                  <a:pt x="2275177" y="2165320"/>
                  <a:pt x="2275346" y="2165325"/>
                </a:cubicBezTo>
                <a:lnTo>
                  <a:pt x="2275886" y="2171962"/>
                </a:lnTo>
                <a:cubicBezTo>
                  <a:pt x="2280943" y="2201969"/>
                  <a:pt x="2283392" y="2232611"/>
                  <a:pt x="2283350" y="2263693"/>
                </a:cubicBezTo>
                <a:cubicBezTo>
                  <a:pt x="2284662" y="2269279"/>
                  <a:pt x="2284721" y="2274903"/>
                  <a:pt x="2284721" y="2280541"/>
                </a:cubicBezTo>
                <a:cubicBezTo>
                  <a:pt x="2284721" y="2284333"/>
                  <a:pt x="2284694" y="2288119"/>
                  <a:pt x="2284128" y="2291891"/>
                </a:cubicBezTo>
                <a:lnTo>
                  <a:pt x="2283629" y="2291858"/>
                </a:lnTo>
                <a:lnTo>
                  <a:pt x="2283603" y="2292349"/>
                </a:lnTo>
                <a:lnTo>
                  <a:pt x="2266484" y="2290736"/>
                </a:lnTo>
                <a:cubicBezTo>
                  <a:pt x="2234110" y="2290213"/>
                  <a:pt x="2202230" y="2287255"/>
                  <a:pt x="2171058" y="2281745"/>
                </a:cubicBezTo>
                <a:cubicBezTo>
                  <a:pt x="2165481" y="2282161"/>
                  <a:pt x="2160152" y="2281220"/>
                  <a:pt x="2154841" y="2280217"/>
                </a:cubicBezTo>
                <a:lnTo>
                  <a:pt x="2154725" y="2279078"/>
                </a:lnTo>
                <a:cubicBezTo>
                  <a:pt x="1795874" y="2220146"/>
                  <a:pt x="1514835" y="1941574"/>
                  <a:pt x="1464559" y="1591480"/>
                </a:cubicBezTo>
                <a:cubicBezTo>
                  <a:pt x="1464392" y="1591427"/>
                  <a:pt x="1464223" y="1591423"/>
                  <a:pt x="1464054" y="1591418"/>
                </a:cubicBezTo>
                <a:lnTo>
                  <a:pt x="1463515" y="1584794"/>
                </a:lnTo>
                <a:cubicBezTo>
                  <a:pt x="1458457" y="1554782"/>
                  <a:pt x="1456006" y="1524133"/>
                  <a:pt x="1456048" y="1493044"/>
                </a:cubicBezTo>
                <a:cubicBezTo>
                  <a:pt x="1454736" y="1487460"/>
                  <a:pt x="1454678" y="1481838"/>
                  <a:pt x="1454678" y="1476202"/>
                </a:cubicBezTo>
                <a:lnTo>
                  <a:pt x="1455272" y="1464852"/>
                </a:lnTo>
                <a:lnTo>
                  <a:pt x="1455770" y="1464884"/>
                </a:lnTo>
                <a:close/>
                <a:moveTo>
                  <a:pt x="1442008" y="1464394"/>
                </a:moveTo>
                <a:lnTo>
                  <a:pt x="1442034" y="1464884"/>
                </a:lnTo>
                <a:lnTo>
                  <a:pt x="1442532" y="1464852"/>
                </a:lnTo>
                <a:lnTo>
                  <a:pt x="1443126" y="1476202"/>
                </a:lnTo>
                <a:cubicBezTo>
                  <a:pt x="1443126" y="1481838"/>
                  <a:pt x="1443067" y="1487460"/>
                  <a:pt x="1441755" y="1493044"/>
                </a:cubicBezTo>
                <a:cubicBezTo>
                  <a:pt x="1441797" y="1524133"/>
                  <a:pt x="1439347" y="1554782"/>
                  <a:pt x="1434288" y="1584794"/>
                </a:cubicBezTo>
                <a:lnTo>
                  <a:pt x="1433750" y="1591418"/>
                </a:lnTo>
                <a:cubicBezTo>
                  <a:pt x="1433580" y="1591423"/>
                  <a:pt x="1433412" y="1591427"/>
                  <a:pt x="1433244" y="1591480"/>
                </a:cubicBezTo>
                <a:cubicBezTo>
                  <a:pt x="1382969" y="1941574"/>
                  <a:pt x="1101930" y="2220146"/>
                  <a:pt x="743079" y="2279078"/>
                </a:cubicBezTo>
                <a:lnTo>
                  <a:pt x="742962" y="2280217"/>
                </a:lnTo>
                <a:cubicBezTo>
                  <a:pt x="737652" y="2281220"/>
                  <a:pt x="732323" y="2282161"/>
                  <a:pt x="726746" y="2281745"/>
                </a:cubicBezTo>
                <a:cubicBezTo>
                  <a:pt x="695574" y="2287255"/>
                  <a:pt x="663693" y="2290213"/>
                  <a:pt x="631319" y="2290736"/>
                </a:cubicBezTo>
                <a:lnTo>
                  <a:pt x="614201" y="2292349"/>
                </a:lnTo>
                <a:lnTo>
                  <a:pt x="614175" y="2291858"/>
                </a:lnTo>
                <a:lnTo>
                  <a:pt x="613676" y="2291891"/>
                </a:lnTo>
                <a:cubicBezTo>
                  <a:pt x="613110" y="2288119"/>
                  <a:pt x="613083" y="2284333"/>
                  <a:pt x="613083" y="2280541"/>
                </a:cubicBezTo>
                <a:cubicBezTo>
                  <a:pt x="613083" y="2274903"/>
                  <a:pt x="613141" y="2269279"/>
                  <a:pt x="614453" y="2263693"/>
                </a:cubicBezTo>
                <a:cubicBezTo>
                  <a:pt x="614411" y="2232611"/>
                  <a:pt x="616861" y="2201969"/>
                  <a:pt x="621917" y="2171962"/>
                </a:cubicBezTo>
                <a:lnTo>
                  <a:pt x="622458" y="2165325"/>
                </a:lnTo>
                <a:cubicBezTo>
                  <a:pt x="622626" y="2165320"/>
                  <a:pt x="622796" y="2165315"/>
                  <a:pt x="622963" y="2165262"/>
                </a:cubicBezTo>
                <a:cubicBezTo>
                  <a:pt x="673240" y="1815167"/>
                  <a:pt x="954279" y="1536596"/>
                  <a:pt x="1313129" y="1477664"/>
                </a:cubicBezTo>
                <a:lnTo>
                  <a:pt x="1313246" y="1476525"/>
                </a:lnTo>
                <a:cubicBezTo>
                  <a:pt x="1318555" y="1475523"/>
                  <a:pt x="1323883" y="1474582"/>
                  <a:pt x="1329459" y="1474998"/>
                </a:cubicBezTo>
                <a:cubicBezTo>
                  <a:pt x="1360642" y="1469485"/>
                  <a:pt x="1392535" y="1466527"/>
                  <a:pt x="1424920" y="1466004"/>
                </a:cubicBezTo>
                <a:close/>
                <a:moveTo>
                  <a:pt x="10909360" y="750600"/>
                </a:moveTo>
                <a:cubicBezTo>
                  <a:pt x="10962636" y="1021506"/>
                  <a:pt x="11177479" y="1236303"/>
                  <a:pt x="11452669" y="1295446"/>
                </a:cubicBezTo>
                <a:cubicBezTo>
                  <a:pt x="11399394" y="1024540"/>
                  <a:pt x="11184550" y="809743"/>
                  <a:pt x="10909360" y="750600"/>
                </a:cubicBezTo>
                <a:close/>
                <a:moveTo>
                  <a:pt x="10602109" y="750600"/>
                </a:moveTo>
                <a:cubicBezTo>
                  <a:pt x="10326919" y="809743"/>
                  <a:pt x="10112075" y="1024540"/>
                  <a:pt x="10058800" y="1295446"/>
                </a:cubicBezTo>
                <a:cubicBezTo>
                  <a:pt x="10333990" y="1236303"/>
                  <a:pt x="10548833" y="1021506"/>
                  <a:pt x="10602109" y="750600"/>
                </a:cubicBezTo>
                <a:close/>
                <a:moveTo>
                  <a:pt x="9217207" y="750600"/>
                </a:moveTo>
                <a:cubicBezTo>
                  <a:pt x="9270483" y="1021506"/>
                  <a:pt x="9485326" y="1236303"/>
                  <a:pt x="9760516" y="1295446"/>
                </a:cubicBezTo>
                <a:cubicBezTo>
                  <a:pt x="9707241" y="1024540"/>
                  <a:pt x="9492397" y="809743"/>
                  <a:pt x="9217207" y="750600"/>
                </a:cubicBezTo>
                <a:close/>
                <a:moveTo>
                  <a:pt x="8909958" y="750600"/>
                </a:moveTo>
                <a:cubicBezTo>
                  <a:pt x="8634768" y="809743"/>
                  <a:pt x="8419924" y="1024540"/>
                  <a:pt x="8366649" y="1295446"/>
                </a:cubicBezTo>
                <a:cubicBezTo>
                  <a:pt x="8641839" y="1236303"/>
                  <a:pt x="8856682" y="1021506"/>
                  <a:pt x="8909958" y="750600"/>
                </a:cubicBezTo>
                <a:close/>
                <a:moveTo>
                  <a:pt x="7525056" y="750600"/>
                </a:moveTo>
                <a:cubicBezTo>
                  <a:pt x="7578332" y="1021506"/>
                  <a:pt x="7793175" y="1236303"/>
                  <a:pt x="8068365" y="1295446"/>
                </a:cubicBezTo>
                <a:cubicBezTo>
                  <a:pt x="8015090" y="1024540"/>
                  <a:pt x="7800246" y="809743"/>
                  <a:pt x="7525056" y="750600"/>
                </a:cubicBezTo>
                <a:close/>
                <a:moveTo>
                  <a:pt x="7217807" y="750600"/>
                </a:moveTo>
                <a:cubicBezTo>
                  <a:pt x="6942617" y="809743"/>
                  <a:pt x="6727773" y="1024540"/>
                  <a:pt x="6674498" y="1295446"/>
                </a:cubicBezTo>
                <a:cubicBezTo>
                  <a:pt x="6949688" y="1236303"/>
                  <a:pt x="7164531" y="1021506"/>
                  <a:pt x="7217807" y="750600"/>
                </a:cubicBezTo>
                <a:close/>
                <a:moveTo>
                  <a:pt x="5832905" y="750600"/>
                </a:moveTo>
                <a:cubicBezTo>
                  <a:pt x="5886181" y="1021506"/>
                  <a:pt x="6101024" y="1236303"/>
                  <a:pt x="6376214" y="1295446"/>
                </a:cubicBezTo>
                <a:cubicBezTo>
                  <a:pt x="6322939" y="1024540"/>
                  <a:pt x="6108095" y="809743"/>
                  <a:pt x="5832905" y="750600"/>
                </a:cubicBezTo>
                <a:close/>
                <a:moveTo>
                  <a:pt x="5525656" y="750600"/>
                </a:moveTo>
                <a:cubicBezTo>
                  <a:pt x="5250466" y="809743"/>
                  <a:pt x="5035622" y="1024540"/>
                  <a:pt x="4982347" y="1295446"/>
                </a:cubicBezTo>
                <a:cubicBezTo>
                  <a:pt x="5257537" y="1236303"/>
                  <a:pt x="5472380" y="1021506"/>
                  <a:pt x="5525656" y="750600"/>
                </a:cubicBezTo>
                <a:close/>
                <a:moveTo>
                  <a:pt x="4140754" y="750600"/>
                </a:moveTo>
                <a:cubicBezTo>
                  <a:pt x="4194030" y="1021506"/>
                  <a:pt x="4408873" y="1236303"/>
                  <a:pt x="4684063" y="1295446"/>
                </a:cubicBezTo>
                <a:cubicBezTo>
                  <a:pt x="4630788" y="1024540"/>
                  <a:pt x="4415944" y="809743"/>
                  <a:pt x="4140754" y="750600"/>
                </a:cubicBezTo>
                <a:close/>
                <a:moveTo>
                  <a:pt x="3833505" y="750600"/>
                </a:moveTo>
                <a:cubicBezTo>
                  <a:pt x="3558315" y="809743"/>
                  <a:pt x="3343471" y="1024540"/>
                  <a:pt x="3290196" y="1295446"/>
                </a:cubicBezTo>
                <a:cubicBezTo>
                  <a:pt x="3565386" y="1236303"/>
                  <a:pt x="3780229" y="1021506"/>
                  <a:pt x="3833505" y="750600"/>
                </a:cubicBezTo>
                <a:close/>
                <a:moveTo>
                  <a:pt x="2448603" y="750600"/>
                </a:moveTo>
                <a:cubicBezTo>
                  <a:pt x="2501879" y="1021506"/>
                  <a:pt x="2716722" y="1236303"/>
                  <a:pt x="2991912" y="1295446"/>
                </a:cubicBezTo>
                <a:cubicBezTo>
                  <a:pt x="2938637" y="1024540"/>
                  <a:pt x="2723793" y="809743"/>
                  <a:pt x="2448603" y="750600"/>
                </a:cubicBezTo>
                <a:close/>
                <a:moveTo>
                  <a:pt x="2141354" y="750600"/>
                </a:moveTo>
                <a:cubicBezTo>
                  <a:pt x="1866164" y="809743"/>
                  <a:pt x="1651320" y="1024540"/>
                  <a:pt x="1598045" y="1295446"/>
                </a:cubicBezTo>
                <a:cubicBezTo>
                  <a:pt x="1873235" y="1236303"/>
                  <a:pt x="2088078" y="1021506"/>
                  <a:pt x="2141354" y="750600"/>
                </a:cubicBezTo>
                <a:close/>
                <a:moveTo>
                  <a:pt x="756452" y="750600"/>
                </a:moveTo>
                <a:cubicBezTo>
                  <a:pt x="809728" y="1021506"/>
                  <a:pt x="1024571" y="1236303"/>
                  <a:pt x="1299761" y="1295446"/>
                </a:cubicBezTo>
                <a:cubicBezTo>
                  <a:pt x="1246486" y="1024540"/>
                  <a:pt x="1031642" y="809743"/>
                  <a:pt x="756452" y="750600"/>
                </a:cubicBezTo>
                <a:close/>
                <a:moveTo>
                  <a:pt x="12192000" y="647790"/>
                </a:moveTo>
                <a:lnTo>
                  <a:pt x="12192000" y="780838"/>
                </a:lnTo>
                <a:cubicBezTo>
                  <a:pt x="11966807" y="865550"/>
                  <a:pt x="11797421" y="1059155"/>
                  <a:pt x="11750953" y="1295446"/>
                </a:cubicBezTo>
                <a:cubicBezTo>
                  <a:pt x="11935988" y="1255679"/>
                  <a:pt x="12093739" y="1145540"/>
                  <a:pt x="12192000" y="994335"/>
                </a:cubicBezTo>
                <a:lnTo>
                  <a:pt x="12192000" y="1195909"/>
                </a:lnTo>
                <a:cubicBezTo>
                  <a:pt x="12071770" y="1314911"/>
                  <a:pt x="11914089" y="1397686"/>
                  <a:pt x="11737582" y="1426902"/>
                </a:cubicBezTo>
                <a:lnTo>
                  <a:pt x="11737466" y="1428050"/>
                </a:lnTo>
                <a:cubicBezTo>
                  <a:pt x="11732155" y="1429061"/>
                  <a:pt x="11726826" y="1430009"/>
                  <a:pt x="11721249" y="1429590"/>
                </a:cubicBezTo>
                <a:cubicBezTo>
                  <a:pt x="11690077" y="1435144"/>
                  <a:pt x="11658197" y="1438125"/>
                  <a:pt x="11625822" y="1438652"/>
                </a:cubicBezTo>
                <a:lnTo>
                  <a:pt x="11608704" y="1440278"/>
                </a:lnTo>
                <a:lnTo>
                  <a:pt x="11608678" y="1439783"/>
                </a:lnTo>
                <a:lnTo>
                  <a:pt x="11608179" y="1439816"/>
                </a:lnTo>
                <a:cubicBezTo>
                  <a:pt x="11607613" y="1436014"/>
                  <a:pt x="11607586" y="1432198"/>
                  <a:pt x="11607586" y="1428376"/>
                </a:cubicBezTo>
                <a:cubicBezTo>
                  <a:pt x="11607586" y="1422694"/>
                  <a:pt x="11607645" y="1417025"/>
                  <a:pt x="11608957" y="1411395"/>
                </a:cubicBezTo>
                <a:cubicBezTo>
                  <a:pt x="11608914" y="1380067"/>
                  <a:pt x="11611364" y="1349182"/>
                  <a:pt x="11616421" y="1318938"/>
                </a:cubicBezTo>
                <a:lnTo>
                  <a:pt x="11616961" y="1312248"/>
                </a:lnTo>
                <a:cubicBezTo>
                  <a:pt x="11617130" y="1312243"/>
                  <a:pt x="11617299" y="1312238"/>
                  <a:pt x="11617466" y="1312185"/>
                </a:cubicBezTo>
                <a:cubicBezTo>
                  <a:pt x="11662185" y="998329"/>
                  <a:pt x="11889463" y="741504"/>
                  <a:pt x="12192000" y="647790"/>
                </a:cubicBezTo>
                <a:close/>
                <a:moveTo>
                  <a:pt x="10767111" y="605769"/>
                </a:moveTo>
                <a:lnTo>
                  <a:pt x="10784198" y="607392"/>
                </a:lnTo>
                <a:cubicBezTo>
                  <a:pt x="10816584" y="607919"/>
                  <a:pt x="10848477" y="610900"/>
                  <a:pt x="10879660" y="616457"/>
                </a:cubicBezTo>
                <a:cubicBezTo>
                  <a:pt x="10885236" y="616038"/>
                  <a:pt x="10890564" y="616986"/>
                  <a:pt x="10895873" y="617996"/>
                </a:cubicBezTo>
                <a:lnTo>
                  <a:pt x="10895990" y="619144"/>
                </a:lnTo>
                <a:cubicBezTo>
                  <a:pt x="11254840" y="678542"/>
                  <a:pt x="11535879" y="959319"/>
                  <a:pt x="11586156" y="1312185"/>
                </a:cubicBezTo>
                <a:cubicBezTo>
                  <a:pt x="11586323" y="1312238"/>
                  <a:pt x="11586492" y="1312243"/>
                  <a:pt x="11586661" y="1312248"/>
                </a:cubicBezTo>
                <a:lnTo>
                  <a:pt x="11587201" y="1318938"/>
                </a:lnTo>
                <a:cubicBezTo>
                  <a:pt x="11592258" y="1349182"/>
                  <a:pt x="11594708" y="1380067"/>
                  <a:pt x="11594665" y="1411395"/>
                </a:cubicBezTo>
                <a:cubicBezTo>
                  <a:pt x="11595977" y="1417025"/>
                  <a:pt x="11596036" y="1422694"/>
                  <a:pt x="11596036" y="1428376"/>
                </a:cubicBezTo>
                <a:cubicBezTo>
                  <a:pt x="11596036" y="1432198"/>
                  <a:pt x="11596009" y="1436014"/>
                  <a:pt x="11595443" y="1439816"/>
                </a:cubicBezTo>
                <a:lnTo>
                  <a:pt x="11594944" y="1439783"/>
                </a:lnTo>
                <a:lnTo>
                  <a:pt x="11594918" y="1440278"/>
                </a:lnTo>
                <a:lnTo>
                  <a:pt x="11577800" y="1438652"/>
                </a:lnTo>
                <a:cubicBezTo>
                  <a:pt x="11545425" y="1438125"/>
                  <a:pt x="11513545" y="1435144"/>
                  <a:pt x="11482373" y="1429590"/>
                </a:cubicBezTo>
                <a:cubicBezTo>
                  <a:pt x="11476796" y="1430009"/>
                  <a:pt x="11471467" y="1429061"/>
                  <a:pt x="11466156" y="1428050"/>
                </a:cubicBezTo>
                <a:lnTo>
                  <a:pt x="11466040" y="1426902"/>
                </a:lnTo>
                <a:cubicBezTo>
                  <a:pt x="11107189" y="1367503"/>
                  <a:pt x="10826150" y="1086726"/>
                  <a:pt x="10775875" y="733861"/>
                </a:cubicBezTo>
                <a:cubicBezTo>
                  <a:pt x="10775707" y="733808"/>
                  <a:pt x="10775539" y="733803"/>
                  <a:pt x="10775369" y="733798"/>
                </a:cubicBezTo>
                <a:lnTo>
                  <a:pt x="10774831" y="727122"/>
                </a:lnTo>
                <a:cubicBezTo>
                  <a:pt x="10769772" y="696872"/>
                  <a:pt x="10767321" y="665981"/>
                  <a:pt x="10767364" y="634646"/>
                </a:cubicBezTo>
                <a:cubicBezTo>
                  <a:pt x="10766052" y="629018"/>
                  <a:pt x="10765993" y="623351"/>
                  <a:pt x="10765993" y="617670"/>
                </a:cubicBezTo>
                <a:lnTo>
                  <a:pt x="10766587" y="606230"/>
                </a:lnTo>
                <a:lnTo>
                  <a:pt x="10767085" y="606263"/>
                </a:lnTo>
                <a:close/>
                <a:moveTo>
                  <a:pt x="10744358" y="605769"/>
                </a:moveTo>
                <a:lnTo>
                  <a:pt x="10744384" y="606263"/>
                </a:lnTo>
                <a:lnTo>
                  <a:pt x="10744882" y="606230"/>
                </a:lnTo>
                <a:lnTo>
                  <a:pt x="10745476" y="617670"/>
                </a:lnTo>
                <a:cubicBezTo>
                  <a:pt x="10745476" y="623351"/>
                  <a:pt x="10745417" y="629018"/>
                  <a:pt x="10744105" y="634646"/>
                </a:cubicBezTo>
                <a:cubicBezTo>
                  <a:pt x="10744148" y="665981"/>
                  <a:pt x="10741697" y="696872"/>
                  <a:pt x="10736638" y="727122"/>
                </a:cubicBezTo>
                <a:lnTo>
                  <a:pt x="10736100" y="733798"/>
                </a:lnTo>
                <a:cubicBezTo>
                  <a:pt x="10735930" y="733803"/>
                  <a:pt x="10735762" y="733808"/>
                  <a:pt x="10735594" y="733861"/>
                </a:cubicBezTo>
                <a:cubicBezTo>
                  <a:pt x="10685319" y="1086726"/>
                  <a:pt x="10404280" y="1367503"/>
                  <a:pt x="10045429" y="1426902"/>
                </a:cubicBezTo>
                <a:lnTo>
                  <a:pt x="10045313" y="1428050"/>
                </a:lnTo>
                <a:cubicBezTo>
                  <a:pt x="10040002" y="1429061"/>
                  <a:pt x="10034673" y="1430009"/>
                  <a:pt x="10029096" y="1429590"/>
                </a:cubicBezTo>
                <a:cubicBezTo>
                  <a:pt x="9997924" y="1435144"/>
                  <a:pt x="9966044" y="1438125"/>
                  <a:pt x="9933669" y="1438652"/>
                </a:cubicBezTo>
                <a:lnTo>
                  <a:pt x="9916551" y="1440278"/>
                </a:lnTo>
                <a:lnTo>
                  <a:pt x="9916525" y="1439783"/>
                </a:lnTo>
                <a:lnTo>
                  <a:pt x="9916026" y="1439816"/>
                </a:lnTo>
                <a:cubicBezTo>
                  <a:pt x="9915460" y="1436014"/>
                  <a:pt x="9915433" y="1432198"/>
                  <a:pt x="9915433" y="1428376"/>
                </a:cubicBezTo>
                <a:cubicBezTo>
                  <a:pt x="9915433" y="1422694"/>
                  <a:pt x="9915492" y="1417025"/>
                  <a:pt x="9916804" y="1411395"/>
                </a:cubicBezTo>
                <a:cubicBezTo>
                  <a:pt x="9916761" y="1380067"/>
                  <a:pt x="9919211" y="1349182"/>
                  <a:pt x="9924268" y="1318938"/>
                </a:cubicBezTo>
                <a:lnTo>
                  <a:pt x="9924808" y="1312248"/>
                </a:lnTo>
                <a:cubicBezTo>
                  <a:pt x="9924977" y="1312243"/>
                  <a:pt x="9925146" y="1312238"/>
                  <a:pt x="9925314" y="1312185"/>
                </a:cubicBezTo>
                <a:cubicBezTo>
                  <a:pt x="9975590" y="959319"/>
                  <a:pt x="10256629" y="678542"/>
                  <a:pt x="10615479" y="619144"/>
                </a:cubicBezTo>
                <a:lnTo>
                  <a:pt x="10615596" y="617996"/>
                </a:lnTo>
                <a:cubicBezTo>
                  <a:pt x="10620905" y="616986"/>
                  <a:pt x="10626233" y="616038"/>
                  <a:pt x="10631809" y="616457"/>
                </a:cubicBezTo>
                <a:cubicBezTo>
                  <a:pt x="10662992" y="610900"/>
                  <a:pt x="10694885" y="607919"/>
                  <a:pt x="10727271" y="607392"/>
                </a:cubicBezTo>
                <a:close/>
                <a:moveTo>
                  <a:pt x="9074958" y="605769"/>
                </a:moveTo>
                <a:lnTo>
                  <a:pt x="9092045" y="607392"/>
                </a:lnTo>
                <a:cubicBezTo>
                  <a:pt x="9124431" y="607919"/>
                  <a:pt x="9156324" y="610900"/>
                  <a:pt x="9187507" y="616457"/>
                </a:cubicBezTo>
                <a:cubicBezTo>
                  <a:pt x="9193083" y="616038"/>
                  <a:pt x="9198411" y="616986"/>
                  <a:pt x="9203720" y="617996"/>
                </a:cubicBezTo>
                <a:lnTo>
                  <a:pt x="9203837" y="619144"/>
                </a:lnTo>
                <a:cubicBezTo>
                  <a:pt x="9562687" y="678542"/>
                  <a:pt x="9843726" y="959319"/>
                  <a:pt x="9894002" y="1312185"/>
                </a:cubicBezTo>
                <a:cubicBezTo>
                  <a:pt x="9894170" y="1312238"/>
                  <a:pt x="9894339" y="1312243"/>
                  <a:pt x="9894508" y="1312248"/>
                </a:cubicBezTo>
                <a:lnTo>
                  <a:pt x="9895048" y="1318938"/>
                </a:lnTo>
                <a:cubicBezTo>
                  <a:pt x="9900105" y="1349182"/>
                  <a:pt x="9902555" y="1380067"/>
                  <a:pt x="9902512" y="1411395"/>
                </a:cubicBezTo>
                <a:cubicBezTo>
                  <a:pt x="9903824" y="1417025"/>
                  <a:pt x="9903883" y="1422694"/>
                  <a:pt x="9903883" y="1428376"/>
                </a:cubicBezTo>
                <a:cubicBezTo>
                  <a:pt x="9903883" y="1432198"/>
                  <a:pt x="9903856" y="1436014"/>
                  <a:pt x="9903290" y="1439816"/>
                </a:cubicBezTo>
                <a:lnTo>
                  <a:pt x="9902791" y="1439783"/>
                </a:lnTo>
                <a:lnTo>
                  <a:pt x="9902765" y="1440278"/>
                </a:lnTo>
                <a:lnTo>
                  <a:pt x="9885647" y="1438652"/>
                </a:lnTo>
                <a:cubicBezTo>
                  <a:pt x="9853272" y="1438125"/>
                  <a:pt x="9821392" y="1435144"/>
                  <a:pt x="9790220" y="1429590"/>
                </a:cubicBezTo>
                <a:cubicBezTo>
                  <a:pt x="9784643" y="1430009"/>
                  <a:pt x="9779314" y="1429061"/>
                  <a:pt x="9774003" y="1428050"/>
                </a:cubicBezTo>
                <a:lnTo>
                  <a:pt x="9773887" y="1426902"/>
                </a:lnTo>
                <a:cubicBezTo>
                  <a:pt x="9415036" y="1367503"/>
                  <a:pt x="9133997" y="1086726"/>
                  <a:pt x="9083722" y="733861"/>
                </a:cubicBezTo>
                <a:cubicBezTo>
                  <a:pt x="9083554" y="733808"/>
                  <a:pt x="9083386" y="733803"/>
                  <a:pt x="9083216" y="733798"/>
                </a:cubicBezTo>
                <a:lnTo>
                  <a:pt x="9082678" y="727122"/>
                </a:lnTo>
                <a:cubicBezTo>
                  <a:pt x="9077619" y="696872"/>
                  <a:pt x="9075168" y="665981"/>
                  <a:pt x="9075211" y="634646"/>
                </a:cubicBezTo>
                <a:cubicBezTo>
                  <a:pt x="9073899" y="629018"/>
                  <a:pt x="9073840" y="623351"/>
                  <a:pt x="9073840" y="617670"/>
                </a:cubicBezTo>
                <a:lnTo>
                  <a:pt x="9074434" y="606230"/>
                </a:lnTo>
                <a:lnTo>
                  <a:pt x="9074932" y="606263"/>
                </a:lnTo>
                <a:close/>
                <a:moveTo>
                  <a:pt x="9052207" y="605769"/>
                </a:moveTo>
                <a:lnTo>
                  <a:pt x="9052233" y="606263"/>
                </a:lnTo>
                <a:lnTo>
                  <a:pt x="9052731" y="606230"/>
                </a:lnTo>
                <a:lnTo>
                  <a:pt x="9053325" y="617670"/>
                </a:lnTo>
                <a:cubicBezTo>
                  <a:pt x="9053325" y="623351"/>
                  <a:pt x="9053266" y="629018"/>
                  <a:pt x="9051954" y="634646"/>
                </a:cubicBezTo>
                <a:cubicBezTo>
                  <a:pt x="9051997" y="665981"/>
                  <a:pt x="9049546" y="696872"/>
                  <a:pt x="9044487" y="727122"/>
                </a:cubicBezTo>
                <a:lnTo>
                  <a:pt x="9043949" y="733798"/>
                </a:lnTo>
                <a:cubicBezTo>
                  <a:pt x="9043779" y="733803"/>
                  <a:pt x="9043611" y="733808"/>
                  <a:pt x="9043443" y="733861"/>
                </a:cubicBezTo>
                <a:cubicBezTo>
                  <a:pt x="8993168" y="1086726"/>
                  <a:pt x="8712129" y="1367503"/>
                  <a:pt x="8353278" y="1426902"/>
                </a:cubicBezTo>
                <a:lnTo>
                  <a:pt x="8353162" y="1428050"/>
                </a:lnTo>
                <a:cubicBezTo>
                  <a:pt x="8347851" y="1429061"/>
                  <a:pt x="8342522" y="1430009"/>
                  <a:pt x="8336945" y="1429590"/>
                </a:cubicBezTo>
                <a:cubicBezTo>
                  <a:pt x="8305773" y="1435144"/>
                  <a:pt x="8273893" y="1438125"/>
                  <a:pt x="8241519" y="1438652"/>
                </a:cubicBezTo>
                <a:lnTo>
                  <a:pt x="8224400" y="1440278"/>
                </a:lnTo>
                <a:lnTo>
                  <a:pt x="8224374" y="1439783"/>
                </a:lnTo>
                <a:lnTo>
                  <a:pt x="8223875" y="1439816"/>
                </a:lnTo>
                <a:cubicBezTo>
                  <a:pt x="8223309" y="1436014"/>
                  <a:pt x="8223282" y="1432198"/>
                  <a:pt x="8223282" y="1428376"/>
                </a:cubicBezTo>
                <a:cubicBezTo>
                  <a:pt x="8223282" y="1422694"/>
                  <a:pt x="8223341" y="1417025"/>
                  <a:pt x="8224653" y="1411395"/>
                </a:cubicBezTo>
                <a:cubicBezTo>
                  <a:pt x="8224611" y="1380067"/>
                  <a:pt x="8227060" y="1349182"/>
                  <a:pt x="8232117" y="1318938"/>
                </a:cubicBezTo>
                <a:lnTo>
                  <a:pt x="8232657" y="1312248"/>
                </a:lnTo>
                <a:cubicBezTo>
                  <a:pt x="8232826" y="1312243"/>
                  <a:pt x="8232995" y="1312238"/>
                  <a:pt x="8233163" y="1312185"/>
                </a:cubicBezTo>
                <a:cubicBezTo>
                  <a:pt x="8283439" y="959319"/>
                  <a:pt x="8564478" y="678542"/>
                  <a:pt x="8923328" y="619144"/>
                </a:cubicBezTo>
                <a:lnTo>
                  <a:pt x="8923445" y="617996"/>
                </a:lnTo>
                <a:cubicBezTo>
                  <a:pt x="8928754" y="616986"/>
                  <a:pt x="8934082" y="616038"/>
                  <a:pt x="8939658" y="616457"/>
                </a:cubicBezTo>
                <a:cubicBezTo>
                  <a:pt x="8970841" y="610900"/>
                  <a:pt x="9002734" y="607919"/>
                  <a:pt x="9035120" y="607392"/>
                </a:cubicBezTo>
                <a:close/>
                <a:moveTo>
                  <a:pt x="7382807" y="605769"/>
                </a:moveTo>
                <a:lnTo>
                  <a:pt x="7399895" y="607392"/>
                </a:lnTo>
                <a:cubicBezTo>
                  <a:pt x="7432280" y="607919"/>
                  <a:pt x="7464173" y="610900"/>
                  <a:pt x="7495356" y="616457"/>
                </a:cubicBezTo>
                <a:cubicBezTo>
                  <a:pt x="7500932" y="616038"/>
                  <a:pt x="7506260" y="616986"/>
                  <a:pt x="7511569" y="617996"/>
                </a:cubicBezTo>
                <a:lnTo>
                  <a:pt x="7511686" y="619144"/>
                </a:lnTo>
                <a:cubicBezTo>
                  <a:pt x="7870536" y="678542"/>
                  <a:pt x="8151575" y="959319"/>
                  <a:pt x="8201852" y="1312185"/>
                </a:cubicBezTo>
                <a:cubicBezTo>
                  <a:pt x="8202019" y="1312238"/>
                  <a:pt x="8202189" y="1312243"/>
                  <a:pt x="8202357" y="1312248"/>
                </a:cubicBezTo>
                <a:lnTo>
                  <a:pt x="8202898" y="1318938"/>
                </a:lnTo>
                <a:cubicBezTo>
                  <a:pt x="8207954" y="1349182"/>
                  <a:pt x="8210404" y="1380067"/>
                  <a:pt x="8210362" y="1411395"/>
                </a:cubicBezTo>
                <a:cubicBezTo>
                  <a:pt x="8211674" y="1417025"/>
                  <a:pt x="8211732" y="1422694"/>
                  <a:pt x="8211732" y="1428376"/>
                </a:cubicBezTo>
                <a:cubicBezTo>
                  <a:pt x="8211732" y="1432198"/>
                  <a:pt x="8211705" y="1436014"/>
                  <a:pt x="8211139" y="1439816"/>
                </a:cubicBezTo>
                <a:lnTo>
                  <a:pt x="8210640" y="1439783"/>
                </a:lnTo>
                <a:lnTo>
                  <a:pt x="8210614" y="1440278"/>
                </a:lnTo>
                <a:lnTo>
                  <a:pt x="8193496" y="1438652"/>
                </a:lnTo>
                <a:cubicBezTo>
                  <a:pt x="8161122" y="1438125"/>
                  <a:pt x="8129241" y="1435144"/>
                  <a:pt x="8098069" y="1429590"/>
                </a:cubicBezTo>
                <a:cubicBezTo>
                  <a:pt x="8092492" y="1430009"/>
                  <a:pt x="8087163" y="1429061"/>
                  <a:pt x="8081853" y="1428050"/>
                </a:cubicBezTo>
                <a:lnTo>
                  <a:pt x="8081737" y="1426902"/>
                </a:lnTo>
                <a:cubicBezTo>
                  <a:pt x="7722885" y="1367503"/>
                  <a:pt x="7441846" y="1086726"/>
                  <a:pt x="7391571" y="733861"/>
                </a:cubicBezTo>
                <a:cubicBezTo>
                  <a:pt x="7391403" y="733808"/>
                  <a:pt x="7391235" y="733803"/>
                  <a:pt x="7391065" y="733798"/>
                </a:cubicBezTo>
                <a:lnTo>
                  <a:pt x="7390527" y="727122"/>
                </a:lnTo>
                <a:cubicBezTo>
                  <a:pt x="7385468" y="696872"/>
                  <a:pt x="7383018" y="665981"/>
                  <a:pt x="7383060" y="634646"/>
                </a:cubicBezTo>
                <a:cubicBezTo>
                  <a:pt x="7381748" y="629018"/>
                  <a:pt x="7381689" y="623351"/>
                  <a:pt x="7381689" y="617670"/>
                </a:cubicBezTo>
                <a:lnTo>
                  <a:pt x="7382283" y="606230"/>
                </a:lnTo>
                <a:lnTo>
                  <a:pt x="7382781" y="606263"/>
                </a:lnTo>
                <a:close/>
                <a:moveTo>
                  <a:pt x="5690656" y="605769"/>
                </a:moveTo>
                <a:lnTo>
                  <a:pt x="5707743" y="607392"/>
                </a:lnTo>
                <a:cubicBezTo>
                  <a:pt x="5740129" y="607919"/>
                  <a:pt x="5772021" y="610900"/>
                  <a:pt x="5803205" y="616457"/>
                </a:cubicBezTo>
                <a:cubicBezTo>
                  <a:pt x="5808781" y="616038"/>
                  <a:pt x="5814109" y="616986"/>
                  <a:pt x="5819417" y="617996"/>
                </a:cubicBezTo>
                <a:lnTo>
                  <a:pt x="5819534" y="619144"/>
                </a:lnTo>
                <a:cubicBezTo>
                  <a:pt x="6178385" y="678542"/>
                  <a:pt x="6459424" y="959319"/>
                  <a:pt x="6509700" y="1312185"/>
                </a:cubicBezTo>
                <a:cubicBezTo>
                  <a:pt x="6509868" y="1312238"/>
                  <a:pt x="6510037" y="1312243"/>
                  <a:pt x="6510206" y="1312248"/>
                </a:cubicBezTo>
                <a:lnTo>
                  <a:pt x="6510746" y="1318938"/>
                </a:lnTo>
                <a:cubicBezTo>
                  <a:pt x="6515803" y="1349182"/>
                  <a:pt x="6518252" y="1380067"/>
                  <a:pt x="6518210" y="1411395"/>
                </a:cubicBezTo>
                <a:cubicBezTo>
                  <a:pt x="6519522" y="1417025"/>
                  <a:pt x="6519581" y="1422694"/>
                  <a:pt x="6519581" y="1428376"/>
                </a:cubicBezTo>
                <a:cubicBezTo>
                  <a:pt x="6519581" y="1432198"/>
                  <a:pt x="6519554" y="1436014"/>
                  <a:pt x="6518988" y="1439816"/>
                </a:cubicBezTo>
                <a:lnTo>
                  <a:pt x="6518489" y="1439783"/>
                </a:lnTo>
                <a:lnTo>
                  <a:pt x="6518463" y="1440278"/>
                </a:lnTo>
                <a:lnTo>
                  <a:pt x="6501344" y="1438652"/>
                </a:lnTo>
                <a:cubicBezTo>
                  <a:pt x="6468970" y="1438125"/>
                  <a:pt x="6437090" y="1435144"/>
                  <a:pt x="6405918" y="1429590"/>
                </a:cubicBezTo>
                <a:cubicBezTo>
                  <a:pt x="6400341" y="1430009"/>
                  <a:pt x="6395012" y="1429061"/>
                  <a:pt x="6389701" y="1428050"/>
                </a:cubicBezTo>
                <a:lnTo>
                  <a:pt x="6389585" y="1426902"/>
                </a:lnTo>
                <a:cubicBezTo>
                  <a:pt x="6030734" y="1367503"/>
                  <a:pt x="5749695" y="1086726"/>
                  <a:pt x="5699419" y="733861"/>
                </a:cubicBezTo>
                <a:cubicBezTo>
                  <a:pt x="5699252" y="733808"/>
                  <a:pt x="5699083" y="733803"/>
                  <a:pt x="5698914" y="733798"/>
                </a:cubicBezTo>
                <a:lnTo>
                  <a:pt x="5698375" y="727122"/>
                </a:lnTo>
                <a:cubicBezTo>
                  <a:pt x="5693317" y="696872"/>
                  <a:pt x="5690866" y="665981"/>
                  <a:pt x="5690908" y="634646"/>
                </a:cubicBezTo>
                <a:cubicBezTo>
                  <a:pt x="5689596" y="629018"/>
                  <a:pt x="5689538" y="623351"/>
                  <a:pt x="5689538" y="617670"/>
                </a:cubicBezTo>
                <a:lnTo>
                  <a:pt x="5690132" y="606230"/>
                </a:lnTo>
                <a:lnTo>
                  <a:pt x="5690630" y="606263"/>
                </a:lnTo>
                <a:close/>
                <a:moveTo>
                  <a:pt x="5667905" y="605769"/>
                </a:moveTo>
                <a:lnTo>
                  <a:pt x="5667931" y="606263"/>
                </a:lnTo>
                <a:lnTo>
                  <a:pt x="5668429" y="606230"/>
                </a:lnTo>
                <a:lnTo>
                  <a:pt x="5669023" y="617670"/>
                </a:lnTo>
                <a:cubicBezTo>
                  <a:pt x="5669023" y="623351"/>
                  <a:pt x="5668964" y="629018"/>
                  <a:pt x="5667652" y="634646"/>
                </a:cubicBezTo>
                <a:cubicBezTo>
                  <a:pt x="5667694" y="665981"/>
                  <a:pt x="5665244" y="696872"/>
                  <a:pt x="5660185" y="727122"/>
                </a:cubicBezTo>
                <a:lnTo>
                  <a:pt x="5659647" y="733798"/>
                </a:lnTo>
                <a:cubicBezTo>
                  <a:pt x="5659477" y="733803"/>
                  <a:pt x="5659309" y="733808"/>
                  <a:pt x="5659141" y="733861"/>
                </a:cubicBezTo>
                <a:cubicBezTo>
                  <a:pt x="5608866" y="1086726"/>
                  <a:pt x="5327827" y="1367503"/>
                  <a:pt x="4968975" y="1426902"/>
                </a:cubicBezTo>
                <a:lnTo>
                  <a:pt x="4968859" y="1428050"/>
                </a:lnTo>
                <a:cubicBezTo>
                  <a:pt x="4963549" y="1429061"/>
                  <a:pt x="4958220" y="1430009"/>
                  <a:pt x="4952643" y="1429590"/>
                </a:cubicBezTo>
                <a:cubicBezTo>
                  <a:pt x="4921471" y="1435144"/>
                  <a:pt x="4889590" y="1438125"/>
                  <a:pt x="4857216" y="1438652"/>
                </a:cubicBezTo>
                <a:lnTo>
                  <a:pt x="4840098" y="1440278"/>
                </a:lnTo>
                <a:lnTo>
                  <a:pt x="4840072" y="1439783"/>
                </a:lnTo>
                <a:lnTo>
                  <a:pt x="4839573" y="1439816"/>
                </a:lnTo>
                <a:cubicBezTo>
                  <a:pt x="4839007" y="1436014"/>
                  <a:pt x="4838980" y="1432198"/>
                  <a:pt x="4838980" y="1428376"/>
                </a:cubicBezTo>
                <a:cubicBezTo>
                  <a:pt x="4838980" y="1422694"/>
                  <a:pt x="4839038" y="1417025"/>
                  <a:pt x="4840350" y="1411395"/>
                </a:cubicBezTo>
                <a:cubicBezTo>
                  <a:pt x="4840308" y="1380067"/>
                  <a:pt x="4842758" y="1349182"/>
                  <a:pt x="4847814" y="1318938"/>
                </a:cubicBezTo>
                <a:lnTo>
                  <a:pt x="4848355" y="1312248"/>
                </a:lnTo>
                <a:cubicBezTo>
                  <a:pt x="4848523" y="1312243"/>
                  <a:pt x="4848693" y="1312238"/>
                  <a:pt x="4848860" y="1312185"/>
                </a:cubicBezTo>
                <a:cubicBezTo>
                  <a:pt x="4899137" y="959319"/>
                  <a:pt x="5180176" y="678542"/>
                  <a:pt x="5539026" y="619144"/>
                </a:cubicBezTo>
                <a:lnTo>
                  <a:pt x="5539143" y="617996"/>
                </a:lnTo>
                <a:cubicBezTo>
                  <a:pt x="5544452" y="616986"/>
                  <a:pt x="5549780" y="616038"/>
                  <a:pt x="5555356" y="616457"/>
                </a:cubicBezTo>
                <a:cubicBezTo>
                  <a:pt x="5586539" y="610900"/>
                  <a:pt x="5618432" y="607919"/>
                  <a:pt x="5650817" y="607392"/>
                </a:cubicBezTo>
                <a:close/>
                <a:moveTo>
                  <a:pt x="3998505" y="605769"/>
                </a:moveTo>
                <a:lnTo>
                  <a:pt x="4015592" y="607392"/>
                </a:lnTo>
                <a:cubicBezTo>
                  <a:pt x="4047978" y="607919"/>
                  <a:pt x="4079870" y="610900"/>
                  <a:pt x="4111054" y="616457"/>
                </a:cubicBezTo>
                <a:cubicBezTo>
                  <a:pt x="4116630" y="616038"/>
                  <a:pt x="4121958" y="616986"/>
                  <a:pt x="4127266" y="617996"/>
                </a:cubicBezTo>
                <a:lnTo>
                  <a:pt x="4127384" y="619144"/>
                </a:lnTo>
                <a:cubicBezTo>
                  <a:pt x="4486234" y="678542"/>
                  <a:pt x="4767273" y="959319"/>
                  <a:pt x="4817549" y="1312185"/>
                </a:cubicBezTo>
                <a:cubicBezTo>
                  <a:pt x="4817717" y="1312238"/>
                  <a:pt x="4817886" y="1312243"/>
                  <a:pt x="4818055" y="1312248"/>
                </a:cubicBezTo>
                <a:lnTo>
                  <a:pt x="4818595" y="1318938"/>
                </a:lnTo>
                <a:cubicBezTo>
                  <a:pt x="4823652" y="1349182"/>
                  <a:pt x="4826101" y="1380067"/>
                  <a:pt x="4826059" y="1411395"/>
                </a:cubicBezTo>
                <a:cubicBezTo>
                  <a:pt x="4827371" y="1417025"/>
                  <a:pt x="4827430" y="1422694"/>
                  <a:pt x="4827430" y="1428376"/>
                </a:cubicBezTo>
                <a:cubicBezTo>
                  <a:pt x="4827430" y="1432198"/>
                  <a:pt x="4827403" y="1436014"/>
                  <a:pt x="4826837" y="1439816"/>
                </a:cubicBezTo>
                <a:lnTo>
                  <a:pt x="4826338" y="1439783"/>
                </a:lnTo>
                <a:lnTo>
                  <a:pt x="4826312" y="1440278"/>
                </a:lnTo>
                <a:lnTo>
                  <a:pt x="4809193" y="1438652"/>
                </a:lnTo>
                <a:cubicBezTo>
                  <a:pt x="4776819" y="1438125"/>
                  <a:pt x="4744939" y="1435144"/>
                  <a:pt x="4713767" y="1429590"/>
                </a:cubicBezTo>
                <a:cubicBezTo>
                  <a:pt x="4708190" y="1430009"/>
                  <a:pt x="4702861" y="1429061"/>
                  <a:pt x="4697550" y="1428050"/>
                </a:cubicBezTo>
                <a:lnTo>
                  <a:pt x="4697434" y="1426902"/>
                </a:lnTo>
                <a:cubicBezTo>
                  <a:pt x="4338583" y="1367503"/>
                  <a:pt x="4057544" y="1086726"/>
                  <a:pt x="4007268" y="733861"/>
                </a:cubicBezTo>
                <a:cubicBezTo>
                  <a:pt x="4007101" y="733808"/>
                  <a:pt x="4006932" y="733803"/>
                  <a:pt x="4006763" y="733798"/>
                </a:cubicBezTo>
                <a:lnTo>
                  <a:pt x="4006225" y="727122"/>
                </a:lnTo>
                <a:cubicBezTo>
                  <a:pt x="4001166" y="696872"/>
                  <a:pt x="3998715" y="665981"/>
                  <a:pt x="3998757" y="634646"/>
                </a:cubicBezTo>
                <a:cubicBezTo>
                  <a:pt x="3997445" y="629018"/>
                  <a:pt x="3997387" y="623351"/>
                  <a:pt x="3997387" y="617670"/>
                </a:cubicBezTo>
                <a:lnTo>
                  <a:pt x="3997981" y="606230"/>
                </a:lnTo>
                <a:lnTo>
                  <a:pt x="3998479" y="606263"/>
                </a:lnTo>
                <a:close/>
                <a:moveTo>
                  <a:pt x="3975754" y="605769"/>
                </a:moveTo>
                <a:lnTo>
                  <a:pt x="3975780" y="606263"/>
                </a:lnTo>
                <a:lnTo>
                  <a:pt x="3976278" y="606230"/>
                </a:lnTo>
                <a:lnTo>
                  <a:pt x="3976872" y="617670"/>
                </a:lnTo>
                <a:cubicBezTo>
                  <a:pt x="3976872" y="623351"/>
                  <a:pt x="3976813" y="629018"/>
                  <a:pt x="3975501" y="634646"/>
                </a:cubicBezTo>
                <a:cubicBezTo>
                  <a:pt x="3975543" y="665981"/>
                  <a:pt x="3973093" y="696872"/>
                  <a:pt x="3968034" y="727122"/>
                </a:cubicBezTo>
                <a:lnTo>
                  <a:pt x="3967496" y="733798"/>
                </a:lnTo>
                <a:cubicBezTo>
                  <a:pt x="3967326" y="733803"/>
                  <a:pt x="3967158" y="733808"/>
                  <a:pt x="3966990" y="733861"/>
                </a:cubicBezTo>
                <a:cubicBezTo>
                  <a:pt x="3916715" y="1086726"/>
                  <a:pt x="3635676" y="1367503"/>
                  <a:pt x="3276825" y="1426902"/>
                </a:cubicBezTo>
                <a:lnTo>
                  <a:pt x="3276708" y="1428050"/>
                </a:lnTo>
                <a:cubicBezTo>
                  <a:pt x="3271398" y="1429061"/>
                  <a:pt x="3266069" y="1430009"/>
                  <a:pt x="3260492" y="1429590"/>
                </a:cubicBezTo>
                <a:cubicBezTo>
                  <a:pt x="3229320" y="1435144"/>
                  <a:pt x="3197440" y="1438125"/>
                  <a:pt x="3165065" y="1438652"/>
                </a:cubicBezTo>
                <a:lnTo>
                  <a:pt x="3147947" y="1440278"/>
                </a:lnTo>
                <a:lnTo>
                  <a:pt x="3147921" y="1439783"/>
                </a:lnTo>
                <a:lnTo>
                  <a:pt x="3147422" y="1439816"/>
                </a:lnTo>
                <a:cubicBezTo>
                  <a:pt x="3146856" y="1436014"/>
                  <a:pt x="3146829" y="1432198"/>
                  <a:pt x="3146829" y="1428376"/>
                </a:cubicBezTo>
                <a:cubicBezTo>
                  <a:pt x="3146829" y="1422694"/>
                  <a:pt x="3146887" y="1417025"/>
                  <a:pt x="3148199" y="1411395"/>
                </a:cubicBezTo>
                <a:cubicBezTo>
                  <a:pt x="3148157" y="1380067"/>
                  <a:pt x="3150607" y="1349182"/>
                  <a:pt x="3155663" y="1318938"/>
                </a:cubicBezTo>
                <a:lnTo>
                  <a:pt x="3156204" y="1312248"/>
                </a:lnTo>
                <a:cubicBezTo>
                  <a:pt x="3156372" y="1312243"/>
                  <a:pt x="3156542" y="1312238"/>
                  <a:pt x="3156709" y="1312185"/>
                </a:cubicBezTo>
                <a:cubicBezTo>
                  <a:pt x="3206986" y="959319"/>
                  <a:pt x="3488025" y="678542"/>
                  <a:pt x="3846875" y="619144"/>
                </a:cubicBezTo>
                <a:lnTo>
                  <a:pt x="3846992" y="617996"/>
                </a:lnTo>
                <a:cubicBezTo>
                  <a:pt x="3852301" y="616986"/>
                  <a:pt x="3857629" y="616038"/>
                  <a:pt x="3863205" y="616457"/>
                </a:cubicBezTo>
                <a:cubicBezTo>
                  <a:pt x="3894388" y="610900"/>
                  <a:pt x="3926281" y="607919"/>
                  <a:pt x="3958666" y="607392"/>
                </a:cubicBezTo>
                <a:close/>
                <a:moveTo>
                  <a:pt x="2306354" y="605769"/>
                </a:moveTo>
                <a:lnTo>
                  <a:pt x="2323441" y="607392"/>
                </a:lnTo>
                <a:cubicBezTo>
                  <a:pt x="2355827" y="607919"/>
                  <a:pt x="2387719" y="610900"/>
                  <a:pt x="2418903" y="616457"/>
                </a:cubicBezTo>
                <a:cubicBezTo>
                  <a:pt x="2424479" y="616038"/>
                  <a:pt x="2429807" y="616986"/>
                  <a:pt x="2435115" y="617996"/>
                </a:cubicBezTo>
                <a:lnTo>
                  <a:pt x="2435233" y="619144"/>
                </a:lnTo>
                <a:cubicBezTo>
                  <a:pt x="2794083" y="678542"/>
                  <a:pt x="3075122" y="959319"/>
                  <a:pt x="3125398" y="1312185"/>
                </a:cubicBezTo>
                <a:cubicBezTo>
                  <a:pt x="3125566" y="1312238"/>
                  <a:pt x="3125735" y="1312243"/>
                  <a:pt x="3125904" y="1312248"/>
                </a:cubicBezTo>
                <a:lnTo>
                  <a:pt x="3126444" y="1318938"/>
                </a:lnTo>
                <a:cubicBezTo>
                  <a:pt x="3131501" y="1349182"/>
                  <a:pt x="3133950" y="1380067"/>
                  <a:pt x="3133908" y="1411395"/>
                </a:cubicBezTo>
                <a:cubicBezTo>
                  <a:pt x="3135220" y="1417025"/>
                  <a:pt x="3135279" y="1422694"/>
                  <a:pt x="3135279" y="1428376"/>
                </a:cubicBezTo>
                <a:cubicBezTo>
                  <a:pt x="3135279" y="1432198"/>
                  <a:pt x="3135252" y="1436014"/>
                  <a:pt x="3134686" y="1439816"/>
                </a:cubicBezTo>
                <a:lnTo>
                  <a:pt x="3134187" y="1439783"/>
                </a:lnTo>
                <a:lnTo>
                  <a:pt x="3134161" y="1440278"/>
                </a:lnTo>
                <a:lnTo>
                  <a:pt x="3117042" y="1438652"/>
                </a:lnTo>
                <a:cubicBezTo>
                  <a:pt x="3084668" y="1438125"/>
                  <a:pt x="3052788" y="1435144"/>
                  <a:pt x="3021616" y="1429590"/>
                </a:cubicBezTo>
                <a:cubicBezTo>
                  <a:pt x="3016039" y="1430009"/>
                  <a:pt x="3010710" y="1429061"/>
                  <a:pt x="3005399" y="1428050"/>
                </a:cubicBezTo>
                <a:lnTo>
                  <a:pt x="3005283" y="1426902"/>
                </a:lnTo>
                <a:cubicBezTo>
                  <a:pt x="2646432" y="1367503"/>
                  <a:pt x="2365393" y="1086726"/>
                  <a:pt x="2315117" y="733861"/>
                </a:cubicBezTo>
                <a:cubicBezTo>
                  <a:pt x="2314950" y="733808"/>
                  <a:pt x="2314781" y="733803"/>
                  <a:pt x="2314612" y="733798"/>
                </a:cubicBezTo>
                <a:lnTo>
                  <a:pt x="2314074" y="727122"/>
                </a:lnTo>
                <a:cubicBezTo>
                  <a:pt x="2309015" y="696872"/>
                  <a:pt x="2306564" y="665981"/>
                  <a:pt x="2306606" y="634646"/>
                </a:cubicBezTo>
                <a:cubicBezTo>
                  <a:pt x="2305294" y="629018"/>
                  <a:pt x="2305236" y="623351"/>
                  <a:pt x="2305236" y="617670"/>
                </a:cubicBezTo>
                <a:lnTo>
                  <a:pt x="2305830" y="606230"/>
                </a:lnTo>
                <a:lnTo>
                  <a:pt x="2306328" y="606263"/>
                </a:lnTo>
                <a:close/>
                <a:moveTo>
                  <a:pt x="2283603" y="605769"/>
                </a:moveTo>
                <a:lnTo>
                  <a:pt x="2283629" y="606263"/>
                </a:lnTo>
                <a:lnTo>
                  <a:pt x="2284127" y="606230"/>
                </a:lnTo>
                <a:lnTo>
                  <a:pt x="2284721" y="617670"/>
                </a:lnTo>
                <a:cubicBezTo>
                  <a:pt x="2284721" y="623351"/>
                  <a:pt x="2284662" y="629018"/>
                  <a:pt x="2283350" y="634646"/>
                </a:cubicBezTo>
                <a:cubicBezTo>
                  <a:pt x="2283392" y="665981"/>
                  <a:pt x="2280942" y="696872"/>
                  <a:pt x="2275883" y="727122"/>
                </a:cubicBezTo>
                <a:lnTo>
                  <a:pt x="2275345" y="733798"/>
                </a:lnTo>
                <a:cubicBezTo>
                  <a:pt x="2275175" y="733803"/>
                  <a:pt x="2275007" y="733808"/>
                  <a:pt x="2274839" y="733861"/>
                </a:cubicBezTo>
                <a:cubicBezTo>
                  <a:pt x="2224564" y="1086726"/>
                  <a:pt x="1943525" y="1367503"/>
                  <a:pt x="1584673" y="1426902"/>
                </a:cubicBezTo>
                <a:lnTo>
                  <a:pt x="1584557" y="1428050"/>
                </a:lnTo>
                <a:cubicBezTo>
                  <a:pt x="1579247" y="1429061"/>
                  <a:pt x="1573918" y="1430009"/>
                  <a:pt x="1568341" y="1429590"/>
                </a:cubicBezTo>
                <a:cubicBezTo>
                  <a:pt x="1537169" y="1435144"/>
                  <a:pt x="1505289" y="1438125"/>
                  <a:pt x="1472914" y="1438652"/>
                </a:cubicBezTo>
                <a:lnTo>
                  <a:pt x="1455796" y="1440278"/>
                </a:lnTo>
                <a:lnTo>
                  <a:pt x="1455770" y="1439783"/>
                </a:lnTo>
                <a:lnTo>
                  <a:pt x="1455271" y="1439816"/>
                </a:lnTo>
                <a:cubicBezTo>
                  <a:pt x="1454705" y="1436014"/>
                  <a:pt x="1454678" y="1432198"/>
                  <a:pt x="1454678" y="1428376"/>
                </a:cubicBezTo>
                <a:cubicBezTo>
                  <a:pt x="1454678" y="1422694"/>
                  <a:pt x="1454736" y="1417025"/>
                  <a:pt x="1456048" y="1411395"/>
                </a:cubicBezTo>
                <a:cubicBezTo>
                  <a:pt x="1456006" y="1380067"/>
                  <a:pt x="1458456" y="1349182"/>
                  <a:pt x="1463513" y="1318938"/>
                </a:cubicBezTo>
                <a:lnTo>
                  <a:pt x="1464053" y="1312248"/>
                </a:lnTo>
                <a:cubicBezTo>
                  <a:pt x="1464221" y="1312243"/>
                  <a:pt x="1464391" y="1312238"/>
                  <a:pt x="1464558" y="1312185"/>
                </a:cubicBezTo>
                <a:cubicBezTo>
                  <a:pt x="1514835" y="959319"/>
                  <a:pt x="1795874" y="678542"/>
                  <a:pt x="2154724" y="619144"/>
                </a:cubicBezTo>
                <a:lnTo>
                  <a:pt x="2154841" y="617996"/>
                </a:lnTo>
                <a:cubicBezTo>
                  <a:pt x="2160150" y="616986"/>
                  <a:pt x="2165478" y="616038"/>
                  <a:pt x="2171054" y="616457"/>
                </a:cubicBezTo>
                <a:cubicBezTo>
                  <a:pt x="2202237" y="610900"/>
                  <a:pt x="2234130" y="607919"/>
                  <a:pt x="2266515" y="607392"/>
                </a:cubicBezTo>
                <a:close/>
                <a:moveTo>
                  <a:pt x="614203" y="605769"/>
                </a:moveTo>
                <a:lnTo>
                  <a:pt x="631290" y="607392"/>
                </a:lnTo>
                <a:cubicBezTo>
                  <a:pt x="663676" y="607919"/>
                  <a:pt x="695568" y="610900"/>
                  <a:pt x="726752" y="616457"/>
                </a:cubicBezTo>
                <a:cubicBezTo>
                  <a:pt x="732328" y="616038"/>
                  <a:pt x="737656" y="616986"/>
                  <a:pt x="742964" y="617996"/>
                </a:cubicBezTo>
                <a:lnTo>
                  <a:pt x="743081" y="619144"/>
                </a:lnTo>
                <a:cubicBezTo>
                  <a:pt x="1101932" y="678542"/>
                  <a:pt x="1382971" y="959319"/>
                  <a:pt x="1433247" y="1312185"/>
                </a:cubicBezTo>
                <a:cubicBezTo>
                  <a:pt x="1433415" y="1312238"/>
                  <a:pt x="1433584" y="1312243"/>
                  <a:pt x="1433753" y="1312248"/>
                </a:cubicBezTo>
                <a:lnTo>
                  <a:pt x="1434293" y="1318938"/>
                </a:lnTo>
                <a:cubicBezTo>
                  <a:pt x="1439350" y="1349182"/>
                  <a:pt x="1441799" y="1380067"/>
                  <a:pt x="1441757" y="1411395"/>
                </a:cubicBezTo>
                <a:cubicBezTo>
                  <a:pt x="1443069" y="1417025"/>
                  <a:pt x="1443128" y="1422694"/>
                  <a:pt x="1443128" y="1428376"/>
                </a:cubicBezTo>
                <a:cubicBezTo>
                  <a:pt x="1443128" y="1432198"/>
                  <a:pt x="1443101" y="1436014"/>
                  <a:pt x="1442535" y="1439816"/>
                </a:cubicBezTo>
                <a:lnTo>
                  <a:pt x="1442036" y="1439783"/>
                </a:lnTo>
                <a:lnTo>
                  <a:pt x="1442010" y="1440278"/>
                </a:lnTo>
                <a:lnTo>
                  <a:pt x="1424891" y="1438652"/>
                </a:lnTo>
                <a:cubicBezTo>
                  <a:pt x="1392517" y="1438125"/>
                  <a:pt x="1360637" y="1435144"/>
                  <a:pt x="1329465" y="1429590"/>
                </a:cubicBezTo>
                <a:cubicBezTo>
                  <a:pt x="1323888" y="1430009"/>
                  <a:pt x="1318559" y="1429061"/>
                  <a:pt x="1313248" y="1428050"/>
                </a:cubicBezTo>
                <a:lnTo>
                  <a:pt x="1313132" y="1426902"/>
                </a:lnTo>
                <a:cubicBezTo>
                  <a:pt x="954281" y="1367503"/>
                  <a:pt x="673242" y="1086726"/>
                  <a:pt x="622966" y="733861"/>
                </a:cubicBezTo>
                <a:cubicBezTo>
                  <a:pt x="622799" y="733808"/>
                  <a:pt x="622630" y="733803"/>
                  <a:pt x="622461" y="733798"/>
                </a:cubicBezTo>
                <a:lnTo>
                  <a:pt x="621923" y="727122"/>
                </a:lnTo>
                <a:cubicBezTo>
                  <a:pt x="616864" y="696872"/>
                  <a:pt x="614413" y="665981"/>
                  <a:pt x="614455" y="634646"/>
                </a:cubicBezTo>
                <a:cubicBezTo>
                  <a:pt x="613143" y="629018"/>
                  <a:pt x="613085" y="623351"/>
                  <a:pt x="613085" y="617670"/>
                </a:cubicBezTo>
                <a:lnTo>
                  <a:pt x="613679" y="606230"/>
                </a:lnTo>
                <a:lnTo>
                  <a:pt x="614177" y="606263"/>
                </a:lnTo>
                <a:close/>
                <a:moveTo>
                  <a:pt x="7360056" y="605769"/>
                </a:moveTo>
                <a:lnTo>
                  <a:pt x="7360082" y="606263"/>
                </a:lnTo>
                <a:lnTo>
                  <a:pt x="7360580" y="606230"/>
                </a:lnTo>
                <a:lnTo>
                  <a:pt x="7361174" y="617670"/>
                </a:lnTo>
                <a:cubicBezTo>
                  <a:pt x="7361174" y="623351"/>
                  <a:pt x="7361116" y="629018"/>
                  <a:pt x="7359804" y="634646"/>
                </a:cubicBezTo>
                <a:cubicBezTo>
                  <a:pt x="7359846" y="665981"/>
                  <a:pt x="7357395" y="696872"/>
                  <a:pt x="7352337" y="727122"/>
                </a:cubicBezTo>
                <a:lnTo>
                  <a:pt x="7351798" y="733798"/>
                </a:lnTo>
                <a:cubicBezTo>
                  <a:pt x="7351629" y="733803"/>
                  <a:pt x="7351460" y="733808"/>
                  <a:pt x="7351293" y="733861"/>
                </a:cubicBezTo>
                <a:cubicBezTo>
                  <a:pt x="7301017" y="1086726"/>
                  <a:pt x="7019978" y="1367503"/>
                  <a:pt x="6661127" y="1426902"/>
                </a:cubicBezTo>
                <a:lnTo>
                  <a:pt x="6661011" y="1428050"/>
                </a:lnTo>
                <a:cubicBezTo>
                  <a:pt x="6655700" y="1429061"/>
                  <a:pt x="6650371" y="1430009"/>
                  <a:pt x="6644794" y="1429590"/>
                </a:cubicBezTo>
                <a:cubicBezTo>
                  <a:pt x="6613622" y="1435144"/>
                  <a:pt x="6581742" y="1438125"/>
                  <a:pt x="6549368" y="1438652"/>
                </a:cubicBezTo>
                <a:lnTo>
                  <a:pt x="6532249" y="1440278"/>
                </a:lnTo>
                <a:lnTo>
                  <a:pt x="6532223" y="1439783"/>
                </a:lnTo>
                <a:lnTo>
                  <a:pt x="6531724" y="1439816"/>
                </a:lnTo>
                <a:cubicBezTo>
                  <a:pt x="6531158" y="1436014"/>
                  <a:pt x="6531131" y="1432198"/>
                  <a:pt x="6531131" y="1428376"/>
                </a:cubicBezTo>
                <a:cubicBezTo>
                  <a:pt x="6531131" y="1422694"/>
                  <a:pt x="6531190" y="1417025"/>
                  <a:pt x="6532502" y="1411395"/>
                </a:cubicBezTo>
                <a:cubicBezTo>
                  <a:pt x="6532460" y="1380067"/>
                  <a:pt x="6534909" y="1349182"/>
                  <a:pt x="6539966" y="1318938"/>
                </a:cubicBezTo>
                <a:lnTo>
                  <a:pt x="6540506" y="1312248"/>
                </a:lnTo>
                <a:cubicBezTo>
                  <a:pt x="6540675" y="1312243"/>
                  <a:pt x="6540844" y="1312238"/>
                  <a:pt x="6541012" y="1312185"/>
                </a:cubicBezTo>
                <a:cubicBezTo>
                  <a:pt x="6591288" y="959319"/>
                  <a:pt x="6872327" y="678542"/>
                  <a:pt x="7231178" y="619144"/>
                </a:cubicBezTo>
                <a:lnTo>
                  <a:pt x="7231295" y="617996"/>
                </a:lnTo>
                <a:cubicBezTo>
                  <a:pt x="7236603" y="616986"/>
                  <a:pt x="7241931" y="616038"/>
                  <a:pt x="7247507" y="616457"/>
                </a:cubicBezTo>
                <a:cubicBezTo>
                  <a:pt x="7278691" y="610900"/>
                  <a:pt x="7310583" y="607919"/>
                  <a:pt x="7342969" y="607392"/>
                </a:cubicBezTo>
                <a:close/>
                <a:moveTo>
                  <a:pt x="591452" y="605769"/>
                </a:moveTo>
                <a:lnTo>
                  <a:pt x="591478" y="606263"/>
                </a:lnTo>
                <a:lnTo>
                  <a:pt x="591976" y="606230"/>
                </a:lnTo>
                <a:lnTo>
                  <a:pt x="592570" y="617670"/>
                </a:lnTo>
                <a:cubicBezTo>
                  <a:pt x="592570" y="623351"/>
                  <a:pt x="592511" y="629018"/>
                  <a:pt x="591199" y="634646"/>
                </a:cubicBezTo>
                <a:cubicBezTo>
                  <a:pt x="591242" y="665981"/>
                  <a:pt x="588791" y="696872"/>
                  <a:pt x="583732" y="727122"/>
                </a:cubicBezTo>
                <a:lnTo>
                  <a:pt x="583194" y="733798"/>
                </a:lnTo>
                <a:cubicBezTo>
                  <a:pt x="583024" y="733803"/>
                  <a:pt x="582856" y="733808"/>
                  <a:pt x="582689" y="733861"/>
                </a:cubicBezTo>
                <a:cubicBezTo>
                  <a:pt x="537576" y="1050490"/>
                  <a:pt x="306662" y="1309076"/>
                  <a:pt x="0" y="1400276"/>
                </a:cubicBezTo>
                <a:lnTo>
                  <a:pt x="0" y="1267938"/>
                </a:lnTo>
                <a:cubicBezTo>
                  <a:pt x="229298" y="1185101"/>
                  <a:pt x="402181" y="989705"/>
                  <a:pt x="449203" y="750600"/>
                </a:cubicBezTo>
                <a:cubicBezTo>
                  <a:pt x="258971" y="791484"/>
                  <a:pt x="97576" y="906749"/>
                  <a:pt x="0" y="1064489"/>
                </a:cubicBezTo>
                <a:lnTo>
                  <a:pt x="0" y="857695"/>
                </a:lnTo>
                <a:cubicBezTo>
                  <a:pt x="121484" y="734788"/>
                  <a:pt x="282199" y="649000"/>
                  <a:pt x="462573" y="619144"/>
                </a:cubicBezTo>
                <a:lnTo>
                  <a:pt x="462690" y="617996"/>
                </a:lnTo>
                <a:cubicBezTo>
                  <a:pt x="467999" y="616986"/>
                  <a:pt x="473327" y="616038"/>
                  <a:pt x="478903" y="616457"/>
                </a:cubicBezTo>
                <a:cubicBezTo>
                  <a:pt x="510086" y="610900"/>
                  <a:pt x="541979" y="607919"/>
                  <a:pt x="574365" y="607392"/>
                </a:cubicBezTo>
                <a:close/>
                <a:moveTo>
                  <a:pt x="11969013" y="0"/>
                </a:moveTo>
                <a:lnTo>
                  <a:pt x="12180097" y="0"/>
                </a:lnTo>
                <a:cubicBezTo>
                  <a:pt x="12184579" y="2797"/>
                  <a:pt x="12188307" y="6390"/>
                  <a:pt x="12192000" y="10016"/>
                </a:cubicBezTo>
                <a:lnTo>
                  <a:pt x="12192000" y="210008"/>
                </a:lnTo>
                <a:cubicBezTo>
                  <a:pt x="12135666" y="124006"/>
                  <a:pt x="12059786" y="51396"/>
                  <a:pt x="11969013" y="0"/>
                </a:cubicBezTo>
                <a:close/>
                <a:moveTo>
                  <a:pt x="11640695" y="0"/>
                </a:moveTo>
                <a:lnTo>
                  <a:pt x="11775234" y="0"/>
                </a:lnTo>
                <a:cubicBezTo>
                  <a:pt x="11842228" y="193636"/>
                  <a:pt x="11995970" y="348667"/>
                  <a:pt x="12192000" y="421829"/>
                </a:cubicBezTo>
                <a:lnTo>
                  <a:pt x="12192000" y="553832"/>
                </a:lnTo>
                <a:cubicBezTo>
                  <a:pt x="11924422" y="471599"/>
                  <a:pt x="11715712" y="262771"/>
                  <a:pt x="11640695" y="0"/>
                </a:cubicBezTo>
                <a:close/>
                <a:moveTo>
                  <a:pt x="11023379" y="0"/>
                </a:moveTo>
                <a:lnTo>
                  <a:pt x="11232088" y="0"/>
                </a:lnTo>
                <a:cubicBezTo>
                  <a:pt x="11066618" y="98005"/>
                  <a:pt x="10947209" y="260867"/>
                  <a:pt x="10909358" y="451830"/>
                </a:cubicBezTo>
                <a:cubicBezTo>
                  <a:pt x="11153410" y="399791"/>
                  <a:pt x="11350000" y="226290"/>
                  <a:pt x="11427896" y="0"/>
                </a:cubicBezTo>
                <a:lnTo>
                  <a:pt x="11561912" y="0"/>
                </a:lnTo>
                <a:cubicBezTo>
                  <a:pt x="11477134" y="299826"/>
                  <a:pt x="11217862" y="529393"/>
                  <a:pt x="10895987" y="582253"/>
                </a:cubicBezTo>
                <a:lnTo>
                  <a:pt x="10895871" y="583392"/>
                </a:lnTo>
                <a:cubicBezTo>
                  <a:pt x="10890560" y="584395"/>
                  <a:pt x="10885231" y="585336"/>
                  <a:pt x="10879654" y="584920"/>
                </a:cubicBezTo>
                <a:cubicBezTo>
                  <a:pt x="10848482" y="590430"/>
                  <a:pt x="10816602" y="593388"/>
                  <a:pt x="10784227" y="593911"/>
                </a:cubicBezTo>
                <a:lnTo>
                  <a:pt x="10767109" y="595524"/>
                </a:lnTo>
                <a:lnTo>
                  <a:pt x="10767083" y="595033"/>
                </a:lnTo>
                <a:lnTo>
                  <a:pt x="10766584" y="595066"/>
                </a:lnTo>
                <a:cubicBezTo>
                  <a:pt x="10766018" y="591293"/>
                  <a:pt x="10765991" y="587507"/>
                  <a:pt x="10765991" y="583715"/>
                </a:cubicBezTo>
                <a:cubicBezTo>
                  <a:pt x="10765991" y="578078"/>
                  <a:pt x="10766050" y="572454"/>
                  <a:pt x="10767362" y="566868"/>
                </a:cubicBezTo>
                <a:cubicBezTo>
                  <a:pt x="10767319" y="535786"/>
                  <a:pt x="10769769" y="505143"/>
                  <a:pt x="10774826" y="475137"/>
                </a:cubicBezTo>
                <a:lnTo>
                  <a:pt x="10775366" y="468500"/>
                </a:lnTo>
                <a:cubicBezTo>
                  <a:pt x="10775535" y="468495"/>
                  <a:pt x="10775704" y="468490"/>
                  <a:pt x="10775872" y="468437"/>
                </a:cubicBezTo>
                <a:cubicBezTo>
                  <a:pt x="10802174" y="285283"/>
                  <a:pt x="10891635" y="121704"/>
                  <a:pt x="11023379" y="0"/>
                </a:cubicBezTo>
                <a:close/>
                <a:moveTo>
                  <a:pt x="9949555" y="0"/>
                </a:moveTo>
                <a:lnTo>
                  <a:pt x="10083571" y="0"/>
                </a:lnTo>
                <a:cubicBezTo>
                  <a:pt x="10161467" y="226290"/>
                  <a:pt x="10358057" y="399791"/>
                  <a:pt x="10602109" y="451830"/>
                </a:cubicBezTo>
                <a:cubicBezTo>
                  <a:pt x="10564258" y="260867"/>
                  <a:pt x="10444849" y="98005"/>
                  <a:pt x="10279379" y="0"/>
                </a:cubicBezTo>
                <a:lnTo>
                  <a:pt x="10488089" y="0"/>
                </a:lnTo>
                <a:cubicBezTo>
                  <a:pt x="10619833" y="121704"/>
                  <a:pt x="10709293" y="285283"/>
                  <a:pt x="10735596" y="468437"/>
                </a:cubicBezTo>
                <a:cubicBezTo>
                  <a:pt x="10735763" y="468490"/>
                  <a:pt x="10735932" y="468495"/>
                  <a:pt x="10736101" y="468500"/>
                </a:cubicBezTo>
                <a:lnTo>
                  <a:pt x="10736641" y="475137"/>
                </a:lnTo>
                <a:cubicBezTo>
                  <a:pt x="10741698" y="505143"/>
                  <a:pt x="10744148" y="535786"/>
                  <a:pt x="10744105" y="566868"/>
                </a:cubicBezTo>
                <a:cubicBezTo>
                  <a:pt x="10745417" y="572454"/>
                  <a:pt x="10745476" y="578078"/>
                  <a:pt x="10745476" y="583715"/>
                </a:cubicBezTo>
                <a:cubicBezTo>
                  <a:pt x="10745476" y="587507"/>
                  <a:pt x="10745449" y="591293"/>
                  <a:pt x="10744883" y="595066"/>
                </a:cubicBezTo>
                <a:lnTo>
                  <a:pt x="10744384" y="595033"/>
                </a:lnTo>
                <a:lnTo>
                  <a:pt x="10744358" y="595524"/>
                </a:lnTo>
                <a:lnTo>
                  <a:pt x="10727240" y="593911"/>
                </a:lnTo>
                <a:cubicBezTo>
                  <a:pt x="10694865" y="593388"/>
                  <a:pt x="10662985" y="590430"/>
                  <a:pt x="10631813" y="584920"/>
                </a:cubicBezTo>
                <a:cubicBezTo>
                  <a:pt x="10626236" y="585336"/>
                  <a:pt x="10620907" y="584395"/>
                  <a:pt x="10615596" y="583392"/>
                </a:cubicBezTo>
                <a:lnTo>
                  <a:pt x="10615480" y="582253"/>
                </a:lnTo>
                <a:cubicBezTo>
                  <a:pt x="10293605" y="529393"/>
                  <a:pt x="10034333" y="299826"/>
                  <a:pt x="9949555" y="0"/>
                </a:cubicBezTo>
                <a:close/>
                <a:moveTo>
                  <a:pt x="9331225" y="0"/>
                </a:moveTo>
                <a:lnTo>
                  <a:pt x="9539935" y="0"/>
                </a:lnTo>
                <a:cubicBezTo>
                  <a:pt x="9374465" y="98005"/>
                  <a:pt x="9255056" y="260867"/>
                  <a:pt x="9217205" y="451830"/>
                </a:cubicBezTo>
                <a:cubicBezTo>
                  <a:pt x="9461257" y="399791"/>
                  <a:pt x="9657847" y="226290"/>
                  <a:pt x="9735743" y="0"/>
                </a:cubicBezTo>
                <a:lnTo>
                  <a:pt x="9869759" y="0"/>
                </a:lnTo>
                <a:cubicBezTo>
                  <a:pt x="9784981" y="299826"/>
                  <a:pt x="9525709" y="529393"/>
                  <a:pt x="9203834" y="582253"/>
                </a:cubicBezTo>
                <a:lnTo>
                  <a:pt x="9203718" y="583392"/>
                </a:lnTo>
                <a:cubicBezTo>
                  <a:pt x="9198407" y="584395"/>
                  <a:pt x="9193078" y="585336"/>
                  <a:pt x="9187501" y="584920"/>
                </a:cubicBezTo>
                <a:cubicBezTo>
                  <a:pt x="9156329" y="590430"/>
                  <a:pt x="9124449" y="593388"/>
                  <a:pt x="9092074" y="593911"/>
                </a:cubicBezTo>
                <a:lnTo>
                  <a:pt x="9074956" y="595524"/>
                </a:lnTo>
                <a:lnTo>
                  <a:pt x="9074930" y="595033"/>
                </a:lnTo>
                <a:lnTo>
                  <a:pt x="9074431" y="595066"/>
                </a:lnTo>
                <a:cubicBezTo>
                  <a:pt x="9073865" y="591293"/>
                  <a:pt x="9073838" y="587507"/>
                  <a:pt x="9073838" y="583715"/>
                </a:cubicBezTo>
                <a:cubicBezTo>
                  <a:pt x="9073838" y="578078"/>
                  <a:pt x="9073897" y="572454"/>
                  <a:pt x="9075209" y="566868"/>
                </a:cubicBezTo>
                <a:cubicBezTo>
                  <a:pt x="9075166" y="535786"/>
                  <a:pt x="9077616" y="505143"/>
                  <a:pt x="9082673" y="475137"/>
                </a:cubicBezTo>
                <a:lnTo>
                  <a:pt x="9083213" y="468500"/>
                </a:lnTo>
                <a:cubicBezTo>
                  <a:pt x="9083382" y="468495"/>
                  <a:pt x="9083551" y="468490"/>
                  <a:pt x="9083718" y="468437"/>
                </a:cubicBezTo>
                <a:cubicBezTo>
                  <a:pt x="9110021" y="285283"/>
                  <a:pt x="9199481" y="121704"/>
                  <a:pt x="9331225" y="0"/>
                </a:cubicBezTo>
                <a:close/>
                <a:moveTo>
                  <a:pt x="8257405" y="0"/>
                </a:moveTo>
                <a:lnTo>
                  <a:pt x="8391420" y="0"/>
                </a:lnTo>
                <a:cubicBezTo>
                  <a:pt x="8469316" y="226290"/>
                  <a:pt x="8665906" y="399791"/>
                  <a:pt x="8909958" y="451830"/>
                </a:cubicBezTo>
                <a:cubicBezTo>
                  <a:pt x="8872107" y="260867"/>
                  <a:pt x="8752698" y="98005"/>
                  <a:pt x="8587228" y="0"/>
                </a:cubicBezTo>
                <a:lnTo>
                  <a:pt x="8795937" y="0"/>
                </a:lnTo>
                <a:cubicBezTo>
                  <a:pt x="8927681" y="121704"/>
                  <a:pt x="9017142" y="285283"/>
                  <a:pt x="9043444" y="468437"/>
                </a:cubicBezTo>
                <a:cubicBezTo>
                  <a:pt x="9043612" y="468490"/>
                  <a:pt x="9043781" y="468495"/>
                  <a:pt x="9043950" y="468500"/>
                </a:cubicBezTo>
                <a:lnTo>
                  <a:pt x="9044490" y="475137"/>
                </a:lnTo>
                <a:cubicBezTo>
                  <a:pt x="9049547" y="505143"/>
                  <a:pt x="9051997" y="535786"/>
                  <a:pt x="9051954" y="566868"/>
                </a:cubicBezTo>
                <a:cubicBezTo>
                  <a:pt x="9053266" y="572454"/>
                  <a:pt x="9053325" y="578078"/>
                  <a:pt x="9053325" y="583715"/>
                </a:cubicBezTo>
                <a:cubicBezTo>
                  <a:pt x="9053325" y="587507"/>
                  <a:pt x="9053298" y="591293"/>
                  <a:pt x="9052732" y="595066"/>
                </a:cubicBezTo>
                <a:lnTo>
                  <a:pt x="9052233" y="595033"/>
                </a:lnTo>
                <a:lnTo>
                  <a:pt x="9052207" y="595524"/>
                </a:lnTo>
                <a:lnTo>
                  <a:pt x="9035089" y="593911"/>
                </a:lnTo>
                <a:cubicBezTo>
                  <a:pt x="9002714" y="593388"/>
                  <a:pt x="8970834" y="590430"/>
                  <a:pt x="8939662" y="584920"/>
                </a:cubicBezTo>
                <a:cubicBezTo>
                  <a:pt x="8934085" y="585336"/>
                  <a:pt x="8928756" y="584395"/>
                  <a:pt x="8923445" y="583392"/>
                </a:cubicBezTo>
                <a:lnTo>
                  <a:pt x="8923329" y="582253"/>
                </a:lnTo>
                <a:cubicBezTo>
                  <a:pt x="8601454" y="529393"/>
                  <a:pt x="8342182" y="299826"/>
                  <a:pt x="8257405" y="0"/>
                </a:cubicBezTo>
                <a:close/>
                <a:moveTo>
                  <a:pt x="7639075" y="0"/>
                </a:moveTo>
                <a:lnTo>
                  <a:pt x="7847784" y="0"/>
                </a:lnTo>
                <a:cubicBezTo>
                  <a:pt x="7682314" y="98005"/>
                  <a:pt x="7562905" y="260867"/>
                  <a:pt x="7525054" y="451830"/>
                </a:cubicBezTo>
                <a:cubicBezTo>
                  <a:pt x="7769107" y="399791"/>
                  <a:pt x="7965696" y="226290"/>
                  <a:pt x="8043592" y="0"/>
                </a:cubicBezTo>
                <a:lnTo>
                  <a:pt x="8177609" y="0"/>
                </a:lnTo>
                <a:cubicBezTo>
                  <a:pt x="8092830" y="299826"/>
                  <a:pt x="7833558" y="529393"/>
                  <a:pt x="7511683" y="582253"/>
                </a:cubicBezTo>
                <a:lnTo>
                  <a:pt x="7511567" y="583392"/>
                </a:lnTo>
                <a:cubicBezTo>
                  <a:pt x="7506256" y="584395"/>
                  <a:pt x="7500927" y="585336"/>
                  <a:pt x="7495350" y="584920"/>
                </a:cubicBezTo>
                <a:cubicBezTo>
                  <a:pt x="7464178" y="590430"/>
                  <a:pt x="7432298" y="593388"/>
                  <a:pt x="7399924" y="593911"/>
                </a:cubicBezTo>
                <a:lnTo>
                  <a:pt x="7382805" y="595524"/>
                </a:lnTo>
                <a:lnTo>
                  <a:pt x="7382779" y="595033"/>
                </a:lnTo>
                <a:lnTo>
                  <a:pt x="7382280" y="595066"/>
                </a:lnTo>
                <a:cubicBezTo>
                  <a:pt x="7381714" y="591293"/>
                  <a:pt x="7381687" y="587507"/>
                  <a:pt x="7381687" y="583715"/>
                </a:cubicBezTo>
                <a:cubicBezTo>
                  <a:pt x="7381687" y="578078"/>
                  <a:pt x="7381746" y="572454"/>
                  <a:pt x="7383058" y="566868"/>
                </a:cubicBezTo>
                <a:cubicBezTo>
                  <a:pt x="7383016" y="535786"/>
                  <a:pt x="7385465" y="505143"/>
                  <a:pt x="7390522" y="475137"/>
                </a:cubicBezTo>
                <a:lnTo>
                  <a:pt x="7391062" y="468500"/>
                </a:lnTo>
                <a:cubicBezTo>
                  <a:pt x="7391231" y="468495"/>
                  <a:pt x="7391400" y="468490"/>
                  <a:pt x="7391568" y="468437"/>
                </a:cubicBezTo>
                <a:cubicBezTo>
                  <a:pt x="7417870" y="285283"/>
                  <a:pt x="7507331" y="121703"/>
                  <a:pt x="7639075" y="0"/>
                </a:cubicBezTo>
                <a:close/>
                <a:moveTo>
                  <a:pt x="6565254" y="0"/>
                </a:moveTo>
                <a:lnTo>
                  <a:pt x="6699270" y="0"/>
                </a:lnTo>
                <a:cubicBezTo>
                  <a:pt x="6777166" y="226290"/>
                  <a:pt x="6973755" y="399791"/>
                  <a:pt x="7217807" y="451830"/>
                </a:cubicBezTo>
                <a:cubicBezTo>
                  <a:pt x="7179956" y="260867"/>
                  <a:pt x="7060547" y="98005"/>
                  <a:pt x="6895077" y="0"/>
                </a:cubicBezTo>
                <a:lnTo>
                  <a:pt x="7103787" y="0"/>
                </a:lnTo>
                <a:cubicBezTo>
                  <a:pt x="7235531" y="121704"/>
                  <a:pt x="7324992" y="285283"/>
                  <a:pt x="7351294" y="468437"/>
                </a:cubicBezTo>
                <a:cubicBezTo>
                  <a:pt x="7351461" y="468490"/>
                  <a:pt x="7351631" y="468495"/>
                  <a:pt x="7351799" y="468500"/>
                </a:cubicBezTo>
                <a:lnTo>
                  <a:pt x="7352340" y="475137"/>
                </a:lnTo>
                <a:cubicBezTo>
                  <a:pt x="7357396" y="505143"/>
                  <a:pt x="7359846" y="535786"/>
                  <a:pt x="7359804" y="566868"/>
                </a:cubicBezTo>
                <a:cubicBezTo>
                  <a:pt x="7361116" y="572454"/>
                  <a:pt x="7361174" y="578078"/>
                  <a:pt x="7361174" y="583715"/>
                </a:cubicBezTo>
                <a:cubicBezTo>
                  <a:pt x="7361174" y="587507"/>
                  <a:pt x="7361147" y="591293"/>
                  <a:pt x="7360581" y="595066"/>
                </a:cubicBezTo>
                <a:lnTo>
                  <a:pt x="7360082" y="595033"/>
                </a:lnTo>
                <a:lnTo>
                  <a:pt x="7360056" y="595524"/>
                </a:lnTo>
                <a:lnTo>
                  <a:pt x="7342938" y="593911"/>
                </a:lnTo>
                <a:cubicBezTo>
                  <a:pt x="7310564" y="593388"/>
                  <a:pt x="7278683" y="590430"/>
                  <a:pt x="7247511" y="584920"/>
                </a:cubicBezTo>
                <a:cubicBezTo>
                  <a:pt x="7241934" y="585336"/>
                  <a:pt x="7236605" y="584395"/>
                  <a:pt x="7231295" y="583392"/>
                </a:cubicBezTo>
                <a:lnTo>
                  <a:pt x="7231179" y="582253"/>
                </a:lnTo>
                <a:cubicBezTo>
                  <a:pt x="6909304" y="529393"/>
                  <a:pt x="6650032" y="299826"/>
                  <a:pt x="6565254" y="0"/>
                </a:cubicBezTo>
                <a:close/>
                <a:moveTo>
                  <a:pt x="5946924" y="0"/>
                </a:moveTo>
                <a:lnTo>
                  <a:pt x="6155633" y="0"/>
                </a:lnTo>
                <a:cubicBezTo>
                  <a:pt x="5990163" y="98005"/>
                  <a:pt x="5870754" y="260867"/>
                  <a:pt x="5832903" y="451830"/>
                </a:cubicBezTo>
                <a:cubicBezTo>
                  <a:pt x="6076956" y="399791"/>
                  <a:pt x="6273545" y="226290"/>
                  <a:pt x="6351441" y="0"/>
                </a:cubicBezTo>
                <a:lnTo>
                  <a:pt x="6485457" y="0"/>
                </a:lnTo>
                <a:cubicBezTo>
                  <a:pt x="6400679" y="299826"/>
                  <a:pt x="6141407" y="529393"/>
                  <a:pt x="5819531" y="582253"/>
                </a:cubicBezTo>
                <a:lnTo>
                  <a:pt x="5819415" y="583392"/>
                </a:lnTo>
                <a:cubicBezTo>
                  <a:pt x="5814105" y="584395"/>
                  <a:pt x="5808776" y="585336"/>
                  <a:pt x="5803199" y="584920"/>
                </a:cubicBezTo>
                <a:cubicBezTo>
                  <a:pt x="5772027" y="590430"/>
                  <a:pt x="5740146" y="593388"/>
                  <a:pt x="5707772" y="593911"/>
                </a:cubicBezTo>
                <a:lnTo>
                  <a:pt x="5690654" y="595524"/>
                </a:lnTo>
                <a:lnTo>
                  <a:pt x="5690628" y="595033"/>
                </a:lnTo>
                <a:lnTo>
                  <a:pt x="5690129" y="595066"/>
                </a:lnTo>
                <a:cubicBezTo>
                  <a:pt x="5689563" y="591293"/>
                  <a:pt x="5689536" y="587507"/>
                  <a:pt x="5689536" y="583715"/>
                </a:cubicBezTo>
                <a:cubicBezTo>
                  <a:pt x="5689536" y="578078"/>
                  <a:pt x="5689594" y="572454"/>
                  <a:pt x="5690906" y="566868"/>
                </a:cubicBezTo>
                <a:cubicBezTo>
                  <a:pt x="5690864" y="535786"/>
                  <a:pt x="5693314" y="505143"/>
                  <a:pt x="5698370" y="475137"/>
                </a:cubicBezTo>
                <a:lnTo>
                  <a:pt x="5698911" y="468500"/>
                </a:lnTo>
                <a:cubicBezTo>
                  <a:pt x="5699079" y="468495"/>
                  <a:pt x="5699249" y="468490"/>
                  <a:pt x="5699416" y="468437"/>
                </a:cubicBezTo>
                <a:cubicBezTo>
                  <a:pt x="5725719" y="285283"/>
                  <a:pt x="5815180" y="121704"/>
                  <a:pt x="5946924" y="0"/>
                </a:cubicBezTo>
                <a:close/>
                <a:moveTo>
                  <a:pt x="4873102" y="0"/>
                </a:moveTo>
                <a:lnTo>
                  <a:pt x="5007119" y="0"/>
                </a:lnTo>
                <a:cubicBezTo>
                  <a:pt x="5085015" y="226291"/>
                  <a:pt x="5281604" y="399791"/>
                  <a:pt x="5525656" y="451830"/>
                </a:cubicBezTo>
                <a:cubicBezTo>
                  <a:pt x="5487805" y="260867"/>
                  <a:pt x="5368397" y="98005"/>
                  <a:pt x="5202927" y="0"/>
                </a:cubicBezTo>
                <a:lnTo>
                  <a:pt x="5411635" y="0"/>
                </a:lnTo>
                <a:cubicBezTo>
                  <a:pt x="5543380" y="121703"/>
                  <a:pt x="5632840" y="285283"/>
                  <a:pt x="5659142" y="468437"/>
                </a:cubicBezTo>
                <a:cubicBezTo>
                  <a:pt x="5659310" y="468490"/>
                  <a:pt x="5659479" y="468495"/>
                  <a:pt x="5659648" y="468499"/>
                </a:cubicBezTo>
                <a:lnTo>
                  <a:pt x="5660188" y="475137"/>
                </a:lnTo>
                <a:cubicBezTo>
                  <a:pt x="5665245" y="505143"/>
                  <a:pt x="5667694" y="535786"/>
                  <a:pt x="5667652" y="566868"/>
                </a:cubicBezTo>
                <a:cubicBezTo>
                  <a:pt x="5668964" y="572454"/>
                  <a:pt x="5669023" y="578078"/>
                  <a:pt x="5669023" y="583715"/>
                </a:cubicBezTo>
                <a:cubicBezTo>
                  <a:pt x="5669023" y="587508"/>
                  <a:pt x="5668996" y="591293"/>
                  <a:pt x="5668430" y="595066"/>
                </a:cubicBezTo>
                <a:lnTo>
                  <a:pt x="5667931" y="595033"/>
                </a:lnTo>
                <a:lnTo>
                  <a:pt x="5667905" y="595524"/>
                </a:lnTo>
                <a:lnTo>
                  <a:pt x="5650786" y="593911"/>
                </a:lnTo>
                <a:cubicBezTo>
                  <a:pt x="5618412" y="593388"/>
                  <a:pt x="5586532" y="590430"/>
                  <a:pt x="5555360" y="584920"/>
                </a:cubicBezTo>
                <a:cubicBezTo>
                  <a:pt x="5549783" y="585336"/>
                  <a:pt x="5544454" y="584395"/>
                  <a:pt x="5539143" y="583392"/>
                </a:cubicBezTo>
                <a:lnTo>
                  <a:pt x="5539027" y="582253"/>
                </a:lnTo>
                <a:cubicBezTo>
                  <a:pt x="5217153" y="529393"/>
                  <a:pt x="4957881" y="299826"/>
                  <a:pt x="4873102" y="0"/>
                </a:cubicBezTo>
                <a:close/>
                <a:moveTo>
                  <a:pt x="4254773" y="0"/>
                </a:moveTo>
                <a:lnTo>
                  <a:pt x="4463482" y="0"/>
                </a:lnTo>
                <a:cubicBezTo>
                  <a:pt x="4298012" y="98005"/>
                  <a:pt x="4178603" y="260867"/>
                  <a:pt x="4140752" y="451830"/>
                </a:cubicBezTo>
                <a:cubicBezTo>
                  <a:pt x="4384804" y="399791"/>
                  <a:pt x="4581394" y="226291"/>
                  <a:pt x="4659290" y="0"/>
                </a:cubicBezTo>
                <a:lnTo>
                  <a:pt x="4793306" y="0"/>
                </a:lnTo>
                <a:cubicBezTo>
                  <a:pt x="4708528" y="299826"/>
                  <a:pt x="4449256" y="529393"/>
                  <a:pt x="4127381" y="582253"/>
                </a:cubicBezTo>
                <a:lnTo>
                  <a:pt x="4127264" y="583392"/>
                </a:lnTo>
                <a:cubicBezTo>
                  <a:pt x="4121954" y="584395"/>
                  <a:pt x="4116625" y="585336"/>
                  <a:pt x="4111048" y="584920"/>
                </a:cubicBezTo>
                <a:cubicBezTo>
                  <a:pt x="4079876" y="590430"/>
                  <a:pt x="4047996" y="593388"/>
                  <a:pt x="4015621" y="593911"/>
                </a:cubicBezTo>
                <a:lnTo>
                  <a:pt x="3998503" y="595524"/>
                </a:lnTo>
                <a:lnTo>
                  <a:pt x="3998477" y="595033"/>
                </a:lnTo>
                <a:lnTo>
                  <a:pt x="3997978" y="595066"/>
                </a:lnTo>
                <a:cubicBezTo>
                  <a:pt x="3997412" y="591293"/>
                  <a:pt x="3997385" y="587507"/>
                  <a:pt x="3997385" y="583715"/>
                </a:cubicBezTo>
                <a:cubicBezTo>
                  <a:pt x="3997385" y="578078"/>
                  <a:pt x="3997443" y="572454"/>
                  <a:pt x="3998755" y="566868"/>
                </a:cubicBezTo>
                <a:cubicBezTo>
                  <a:pt x="3998713" y="535786"/>
                  <a:pt x="4001163" y="505143"/>
                  <a:pt x="4006219" y="475137"/>
                </a:cubicBezTo>
                <a:lnTo>
                  <a:pt x="4006760" y="468499"/>
                </a:lnTo>
                <a:cubicBezTo>
                  <a:pt x="4006928" y="468495"/>
                  <a:pt x="4007098" y="468490"/>
                  <a:pt x="4007265" y="468437"/>
                </a:cubicBezTo>
                <a:cubicBezTo>
                  <a:pt x="4033568" y="285283"/>
                  <a:pt x="4123028" y="121703"/>
                  <a:pt x="4254773" y="0"/>
                </a:cubicBezTo>
                <a:close/>
                <a:moveTo>
                  <a:pt x="3180951" y="0"/>
                </a:moveTo>
                <a:lnTo>
                  <a:pt x="3314968" y="0"/>
                </a:lnTo>
                <a:cubicBezTo>
                  <a:pt x="3392864" y="226291"/>
                  <a:pt x="3589453" y="399791"/>
                  <a:pt x="3833505" y="451830"/>
                </a:cubicBezTo>
                <a:cubicBezTo>
                  <a:pt x="3795654" y="260867"/>
                  <a:pt x="3676245" y="98005"/>
                  <a:pt x="3510776" y="0"/>
                </a:cubicBezTo>
                <a:lnTo>
                  <a:pt x="3719484" y="0"/>
                </a:lnTo>
                <a:cubicBezTo>
                  <a:pt x="3851229" y="121703"/>
                  <a:pt x="3940689" y="285283"/>
                  <a:pt x="3966991" y="468437"/>
                </a:cubicBezTo>
                <a:cubicBezTo>
                  <a:pt x="3967159" y="468490"/>
                  <a:pt x="3967328" y="468495"/>
                  <a:pt x="3967497" y="468499"/>
                </a:cubicBezTo>
                <a:lnTo>
                  <a:pt x="3968037" y="475137"/>
                </a:lnTo>
                <a:cubicBezTo>
                  <a:pt x="3973094" y="505143"/>
                  <a:pt x="3975543" y="535786"/>
                  <a:pt x="3975501" y="566868"/>
                </a:cubicBezTo>
                <a:cubicBezTo>
                  <a:pt x="3976813" y="572454"/>
                  <a:pt x="3976872" y="578078"/>
                  <a:pt x="3976872" y="583715"/>
                </a:cubicBezTo>
                <a:cubicBezTo>
                  <a:pt x="3976872" y="587508"/>
                  <a:pt x="3976845" y="591293"/>
                  <a:pt x="3976279" y="595066"/>
                </a:cubicBezTo>
                <a:lnTo>
                  <a:pt x="3975780" y="595033"/>
                </a:lnTo>
                <a:lnTo>
                  <a:pt x="3975754" y="595524"/>
                </a:lnTo>
                <a:lnTo>
                  <a:pt x="3958635" y="593911"/>
                </a:lnTo>
                <a:cubicBezTo>
                  <a:pt x="3926261" y="593388"/>
                  <a:pt x="3894381" y="590430"/>
                  <a:pt x="3863209" y="584920"/>
                </a:cubicBezTo>
                <a:cubicBezTo>
                  <a:pt x="3857632" y="585336"/>
                  <a:pt x="3852303" y="584395"/>
                  <a:pt x="3846992" y="583392"/>
                </a:cubicBezTo>
                <a:lnTo>
                  <a:pt x="3846876" y="582253"/>
                </a:lnTo>
                <a:cubicBezTo>
                  <a:pt x="3525002" y="529393"/>
                  <a:pt x="3265729" y="299826"/>
                  <a:pt x="3180951" y="0"/>
                </a:cubicBezTo>
                <a:close/>
                <a:moveTo>
                  <a:pt x="2562622" y="0"/>
                </a:moveTo>
                <a:lnTo>
                  <a:pt x="2771330" y="0"/>
                </a:lnTo>
                <a:cubicBezTo>
                  <a:pt x="2605861" y="98005"/>
                  <a:pt x="2486452" y="260867"/>
                  <a:pt x="2448601" y="451830"/>
                </a:cubicBezTo>
                <a:cubicBezTo>
                  <a:pt x="2692653" y="399791"/>
                  <a:pt x="2889242" y="226291"/>
                  <a:pt x="2967139" y="0"/>
                </a:cubicBezTo>
                <a:lnTo>
                  <a:pt x="3101155" y="0"/>
                </a:lnTo>
                <a:cubicBezTo>
                  <a:pt x="3016377" y="299826"/>
                  <a:pt x="2757105" y="529393"/>
                  <a:pt x="2435230" y="582253"/>
                </a:cubicBezTo>
                <a:lnTo>
                  <a:pt x="2435113" y="583392"/>
                </a:lnTo>
                <a:cubicBezTo>
                  <a:pt x="2429803" y="584395"/>
                  <a:pt x="2424474" y="585336"/>
                  <a:pt x="2418897" y="584920"/>
                </a:cubicBezTo>
                <a:cubicBezTo>
                  <a:pt x="2387725" y="590430"/>
                  <a:pt x="2355845" y="593388"/>
                  <a:pt x="2323470" y="593911"/>
                </a:cubicBezTo>
                <a:lnTo>
                  <a:pt x="2306352" y="595524"/>
                </a:lnTo>
                <a:lnTo>
                  <a:pt x="2306326" y="595033"/>
                </a:lnTo>
                <a:lnTo>
                  <a:pt x="2305827" y="595066"/>
                </a:lnTo>
                <a:cubicBezTo>
                  <a:pt x="2305261" y="591293"/>
                  <a:pt x="2305234" y="587507"/>
                  <a:pt x="2305234" y="583715"/>
                </a:cubicBezTo>
                <a:cubicBezTo>
                  <a:pt x="2305234" y="578078"/>
                  <a:pt x="2305292" y="572454"/>
                  <a:pt x="2306604" y="566868"/>
                </a:cubicBezTo>
                <a:cubicBezTo>
                  <a:pt x="2306562" y="535786"/>
                  <a:pt x="2309012" y="505143"/>
                  <a:pt x="2314068" y="475137"/>
                </a:cubicBezTo>
                <a:lnTo>
                  <a:pt x="2314609" y="468499"/>
                </a:lnTo>
                <a:cubicBezTo>
                  <a:pt x="2314777" y="468495"/>
                  <a:pt x="2314947" y="468490"/>
                  <a:pt x="2315114" y="468437"/>
                </a:cubicBezTo>
                <a:cubicBezTo>
                  <a:pt x="2341417" y="285283"/>
                  <a:pt x="2430877" y="121704"/>
                  <a:pt x="2562622" y="0"/>
                </a:cubicBezTo>
                <a:close/>
                <a:moveTo>
                  <a:pt x="1488800" y="0"/>
                </a:moveTo>
                <a:lnTo>
                  <a:pt x="1622816" y="0"/>
                </a:lnTo>
                <a:cubicBezTo>
                  <a:pt x="1700712" y="226290"/>
                  <a:pt x="1897302" y="399791"/>
                  <a:pt x="2141354" y="451830"/>
                </a:cubicBezTo>
                <a:cubicBezTo>
                  <a:pt x="2103503" y="260867"/>
                  <a:pt x="1984094" y="98005"/>
                  <a:pt x="1818624" y="0"/>
                </a:cubicBezTo>
                <a:lnTo>
                  <a:pt x="2027333" y="0"/>
                </a:lnTo>
                <a:cubicBezTo>
                  <a:pt x="2159078" y="121703"/>
                  <a:pt x="2248538" y="285283"/>
                  <a:pt x="2274840" y="468437"/>
                </a:cubicBezTo>
                <a:cubicBezTo>
                  <a:pt x="2275008" y="468490"/>
                  <a:pt x="2275177" y="468495"/>
                  <a:pt x="2275346" y="468500"/>
                </a:cubicBezTo>
                <a:lnTo>
                  <a:pt x="2275886" y="475137"/>
                </a:lnTo>
                <a:cubicBezTo>
                  <a:pt x="2280943" y="505143"/>
                  <a:pt x="2283392" y="535786"/>
                  <a:pt x="2283350" y="566868"/>
                </a:cubicBezTo>
                <a:cubicBezTo>
                  <a:pt x="2284662" y="572454"/>
                  <a:pt x="2284721" y="578078"/>
                  <a:pt x="2284721" y="583715"/>
                </a:cubicBezTo>
                <a:cubicBezTo>
                  <a:pt x="2284721" y="587508"/>
                  <a:pt x="2284694" y="591293"/>
                  <a:pt x="2284128" y="595066"/>
                </a:cubicBezTo>
                <a:lnTo>
                  <a:pt x="2283629" y="595033"/>
                </a:lnTo>
                <a:lnTo>
                  <a:pt x="2283603" y="595524"/>
                </a:lnTo>
                <a:lnTo>
                  <a:pt x="2266484" y="593911"/>
                </a:lnTo>
                <a:cubicBezTo>
                  <a:pt x="2234110" y="593388"/>
                  <a:pt x="2202230" y="590430"/>
                  <a:pt x="2171058" y="584920"/>
                </a:cubicBezTo>
                <a:cubicBezTo>
                  <a:pt x="2165481" y="585336"/>
                  <a:pt x="2160152" y="584395"/>
                  <a:pt x="2154841" y="583392"/>
                </a:cubicBezTo>
                <a:lnTo>
                  <a:pt x="2154725" y="582253"/>
                </a:lnTo>
                <a:cubicBezTo>
                  <a:pt x="1832850" y="529393"/>
                  <a:pt x="1573578" y="299826"/>
                  <a:pt x="1488800" y="0"/>
                </a:cubicBezTo>
                <a:close/>
                <a:moveTo>
                  <a:pt x="870471" y="0"/>
                </a:moveTo>
                <a:lnTo>
                  <a:pt x="1079179" y="0"/>
                </a:lnTo>
                <a:cubicBezTo>
                  <a:pt x="913710" y="98005"/>
                  <a:pt x="794301" y="260867"/>
                  <a:pt x="756450" y="451830"/>
                </a:cubicBezTo>
                <a:cubicBezTo>
                  <a:pt x="1000502" y="399791"/>
                  <a:pt x="1197091" y="226291"/>
                  <a:pt x="1274988" y="0"/>
                </a:cubicBezTo>
                <a:lnTo>
                  <a:pt x="1409004" y="0"/>
                </a:lnTo>
                <a:cubicBezTo>
                  <a:pt x="1324226" y="299826"/>
                  <a:pt x="1064954" y="529393"/>
                  <a:pt x="743078" y="582253"/>
                </a:cubicBezTo>
                <a:lnTo>
                  <a:pt x="742962" y="583392"/>
                </a:lnTo>
                <a:cubicBezTo>
                  <a:pt x="737652" y="584395"/>
                  <a:pt x="732323" y="585336"/>
                  <a:pt x="726746" y="584920"/>
                </a:cubicBezTo>
                <a:cubicBezTo>
                  <a:pt x="695574" y="590430"/>
                  <a:pt x="663693" y="593388"/>
                  <a:pt x="631319" y="593911"/>
                </a:cubicBezTo>
                <a:lnTo>
                  <a:pt x="614201" y="595524"/>
                </a:lnTo>
                <a:lnTo>
                  <a:pt x="614175" y="595033"/>
                </a:lnTo>
                <a:lnTo>
                  <a:pt x="613676" y="595066"/>
                </a:lnTo>
                <a:cubicBezTo>
                  <a:pt x="613110" y="591293"/>
                  <a:pt x="613083" y="587507"/>
                  <a:pt x="613083" y="583715"/>
                </a:cubicBezTo>
                <a:cubicBezTo>
                  <a:pt x="613083" y="578078"/>
                  <a:pt x="613141" y="572454"/>
                  <a:pt x="614453" y="566868"/>
                </a:cubicBezTo>
                <a:cubicBezTo>
                  <a:pt x="614411" y="535786"/>
                  <a:pt x="616861" y="505143"/>
                  <a:pt x="621918" y="475137"/>
                </a:cubicBezTo>
                <a:lnTo>
                  <a:pt x="622458" y="468499"/>
                </a:lnTo>
                <a:cubicBezTo>
                  <a:pt x="622626" y="468495"/>
                  <a:pt x="622796" y="468490"/>
                  <a:pt x="622963" y="468437"/>
                </a:cubicBezTo>
                <a:cubicBezTo>
                  <a:pt x="649266" y="285283"/>
                  <a:pt x="738726" y="121703"/>
                  <a:pt x="870471" y="0"/>
                </a:cubicBezTo>
                <a:close/>
                <a:moveTo>
                  <a:pt x="126374" y="0"/>
                </a:moveTo>
                <a:lnTo>
                  <a:pt x="334376" y="0"/>
                </a:lnTo>
                <a:cubicBezTo>
                  <a:pt x="466684" y="121261"/>
                  <a:pt x="556352" y="285035"/>
                  <a:pt x="582690" y="468437"/>
                </a:cubicBezTo>
                <a:cubicBezTo>
                  <a:pt x="582857" y="468490"/>
                  <a:pt x="583026" y="468495"/>
                  <a:pt x="583195" y="468499"/>
                </a:cubicBezTo>
                <a:lnTo>
                  <a:pt x="583735" y="475137"/>
                </a:lnTo>
                <a:cubicBezTo>
                  <a:pt x="588792" y="505143"/>
                  <a:pt x="591242" y="535786"/>
                  <a:pt x="591199" y="566868"/>
                </a:cubicBezTo>
                <a:cubicBezTo>
                  <a:pt x="592511" y="572454"/>
                  <a:pt x="592570" y="578078"/>
                  <a:pt x="592570" y="583715"/>
                </a:cubicBezTo>
                <a:cubicBezTo>
                  <a:pt x="592570" y="587507"/>
                  <a:pt x="592543" y="591293"/>
                  <a:pt x="591977" y="595066"/>
                </a:cubicBezTo>
                <a:lnTo>
                  <a:pt x="591478" y="595033"/>
                </a:lnTo>
                <a:lnTo>
                  <a:pt x="591452" y="595524"/>
                </a:lnTo>
                <a:lnTo>
                  <a:pt x="574334" y="593911"/>
                </a:lnTo>
                <a:cubicBezTo>
                  <a:pt x="541959" y="593388"/>
                  <a:pt x="510079" y="590430"/>
                  <a:pt x="478907" y="584920"/>
                </a:cubicBezTo>
                <a:cubicBezTo>
                  <a:pt x="473330" y="585336"/>
                  <a:pt x="468001" y="584395"/>
                  <a:pt x="462690" y="583392"/>
                </a:cubicBezTo>
                <a:lnTo>
                  <a:pt x="462574" y="582253"/>
                </a:lnTo>
                <a:cubicBezTo>
                  <a:pt x="282200" y="552631"/>
                  <a:pt x="121485" y="467518"/>
                  <a:pt x="0" y="345575"/>
                </a:cubicBezTo>
                <a:lnTo>
                  <a:pt x="0" y="140406"/>
                </a:lnTo>
                <a:cubicBezTo>
                  <a:pt x="97584" y="296912"/>
                  <a:pt x="258975" y="411268"/>
                  <a:pt x="449203" y="451830"/>
                </a:cubicBezTo>
                <a:cubicBezTo>
                  <a:pt x="411344" y="260824"/>
                  <a:pt x="291889" y="97931"/>
                  <a:pt x="126374" y="0"/>
                </a:cubicBez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438" y="4961285"/>
            <a:ext cx="7776448" cy="1463379"/>
          </a:xfrm>
        </p:spPr>
        <p:txBody>
          <a:bodyPr anchor="ctr">
            <a:normAutofit/>
          </a:bodyPr>
          <a:lstStyle>
            <a:lvl1pPr algn="r">
              <a:defRPr sz="5001" b="0" spc="200" baseline="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615085" y="4961285"/>
            <a:ext cx="3202067" cy="1463379"/>
          </a:xfrm>
        </p:spPr>
        <p:txBody>
          <a:bodyPr lIns="91440" rIns="91440" anchor="ctr">
            <a:normAutofit/>
          </a:bodyPr>
          <a:lstStyle>
            <a:lvl1pPr marL="0" indent="0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tx1">
                    <a:lumMod val="95000"/>
                    <a:lumOff val="5000"/>
                  </a:schemeClr>
                </a:solidFill>
              </a:defRPr>
            </a:lvl1pPr>
            <a:lvl2pPr marL="457291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583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874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9166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457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749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104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8332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  <p:cxnSp>
        <p:nvCxnSpPr>
          <p:cNvPr id="8" name="Straight Connector 7"/>
          <p:cNvCxnSpPr/>
          <p:nvPr/>
        </p:nvCxnSpPr>
        <p:spPr>
          <a:xfrm flipV="1">
            <a:off x="8391211" y="5265325"/>
            <a:ext cx="0" cy="914612"/>
          </a:xfrm>
          <a:prstGeom prst="line">
            <a:avLst/>
          </a:prstGeom>
          <a:ln w="190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276920395"/>
      </p:ext>
    </p:extLst>
  </p:cSld>
  <p:clrMapOvr>
    <a:masterClrMapping/>
  </p:clrMapOvr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24661" y="585352"/>
            <a:ext cx="9725135" cy="14999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1024660" y="2286529"/>
            <a:ext cx="4757357" cy="4024292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992439" y="2286529"/>
            <a:ext cx="4757357" cy="4024292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9374208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273050"/>
            <a:ext cx="4013200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768850" y="273050"/>
            <a:ext cx="6819900" cy="5854700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0" y="1435100"/>
            <a:ext cx="4013200" cy="4692650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024661" y="2180140"/>
            <a:ext cx="4757357" cy="823151"/>
          </a:xfrm>
        </p:spPr>
        <p:txBody>
          <a:bodyPr lIns="137160" rIns="137160" anchor="ctr">
            <a:normAutofit/>
          </a:bodyPr>
          <a:lstStyle>
            <a:lvl1pPr marL="0" indent="0">
              <a:spcBef>
                <a:spcPts val="0"/>
              </a:spcBef>
              <a:spcAft>
                <a:spcPts val="0"/>
              </a:spcAft>
              <a:buNone/>
              <a:defRPr sz="2300" b="0" cap="none" baseline="0">
                <a:solidFill>
                  <a:schemeClr val="accent1"/>
                </a:solidFill>
                <a:latin typeface="+mn-lt"/>
              </a:defRPr>
            </a:lvl1pPr>
            <a:lvl2pPr marL="457291" indent="0">
              <a:buNone/>
              <a:defRPr sz="2000" b="1"/>
            </a:lvl2pPr>
            <a:lvl3pPr marL="914583" indent="0">
              <a:buNone/>
              <a:defRPr sz="1800" b="1"/>
            </a:lvl3pPr>
            <a:lvl4pPr marL="1371874" indent="0">
              <a:buNone/>
              <a:defRPr sz="1600" b="1"/>
            </a:lvl4pPr>
            <a:lvl5pPr marL="1829166" indent="0">
              <a:buNone/>
              <a:defRPr sz="1600" b="1"/>
            </a:lvl5pPr>
            <a:lvl6pPr marL="2286457" indent="0">
              <a:buNone/>
              <a:defRPr sz="1600" b="1"/>
            </a:lvl6pPr>
            <a:lvl7pPr marL="2743749" indent="0">
              <a:buNone/>
              <a:defRPr sz="1600" b="1"/>
            </a:lvl7pPr>
            <a:lvl8pPr marL="3201040" indent="0">
              <a:buNone/>
              <a:defRPr sz="1600" b="1"/>
            </a:lvl8pPr>
            <a:lvl9pPr marL="3658332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1024661" y="2968475"/>
            <a:ext cx="4757357" cy="3342346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994008" y="2180140"/>
            <a:ext cx="4757357" cy="823151"/>
          </a:xfrm>
        </p:spPr>
        <p:txBody>
          <a:bodyPr lIns="137160" rIns="137160" anchor="ctr">
            <a:normAutofit/>
          </a:bodyPr>
          <a:lstStyle>
            <a:lvl1pPr marL="0" indent="0">
              <a:spcBef>
                <a:spcPts val="0"/>
              </a:spcBef>
              <a:spcAft>
                <a:spcPts val="0"/>
              </a:spcAft>
              <a:buNone/>
              <a:defRPr lang="en-US" sz="2300" b="0" kern="1200" cap="none" baseline="0" dirty="0">
                <a:solidFill>
                  <a:schemeClr val="accent1"/>
                </a:solidFill>
                <a:latin typeface="+mn-lt"/>
                <a:ea typeface="+mn-ea"/>
                <a:cs typeface="+mn-cs"/>
              </a:defRPr>
            </a:lvl1pPr>
            <a:lvl2pPr marL="457291" indent="0">
              <a:buNone/>
              <a:defRPr sz="2000" b="1"/>
            </a:lvl2pPr>
            <a:lvl3pPr marL="914583" indent="0">
              <a:buNone/>
              <a:defRPr sz="1800" b="1"/>
            </a:lvl3pPr>
            <a:lvl4pPr marL="1371874" indent="0">
              <a:buNone/>
              <a:defRPr sz="1600" b="1"/>
            </a:lvl4pPr>
            <a:lvl5pPr marL="1829166" indent="0">
              <a:buNone/>
              <a:defRPr sz="1600" b="1"/>
            </a:lvl5pPr>
            <a:lvl6pPr marL="2286457" indent="0">
              <a:buNone/>
              <a:defRPr sz="1600" b="1"/>
            </a:lvl6pPr>
            <a:lvl7pPr marL="2743749" indent="0">
              <a:buNone/>
              <a:defRPr sz="1600" b="1"/>
            </a:lvl7pPr>
            <a:lvl8pPr marL="3201040" indent="0">
              <a:buNone/>
              <a:defRPr sz="1600" b="1"/>
            </a:lvl8pPr>
            <a:lvl9pPr marL="3658332" indent="0">
              <a:buNone/>
              <a:defRPr sz="1600" b="1"/>
            </a:lvl9pPr>
          </a:lstStyle>
          <a:p>
            <a:pPr marL="0" lvl="0" indent="0" algn="l" defTabSz="914583" rtl="0" eaLnBrk="1" latinLnBrk="0" hangingPunct="1">
              <a:lnSpc>
                <a:spcPct val="90000"/>
              </a:lnSpc>
              <a:spcBef>
                <a:spcPts val="1800"/>
              </a:spcBef>
              <a:buNone/>
            </a:pPr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994008" y="2968475"/>
            <a:ext cx="4757357" cy="3342346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54307449"/>
      </p:ext>
    </p:extLst>
  </p:cSld>
  <p:clrMapOvr>
    <a:masterClrMapping/>
  </p:clrMapOvr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17531065"/>
      </p:ext>
    </p:extLst>
  </p:cSld>
  <p:clrMapOvr>
    <a:masterClrMapping/>
  </p:clrMapOvr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67660388"/>
      </p:ext>
    </p:extLst>
  </p:cSld>
  <p:clrMapOvr>
    <a:masterClrMapping/>
  </p:clrMapOvr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/>
          </p:nvPr>
        </p:nvSpPr>
        <p:spPr>
          <a:xfrm>
            <a:off x="1024661" y="471618"/>
            <a:ext cx="4391406" cy="1737762"/>
          </a:xfrm>
        </p:spPr>
        <p:txBody>
          <a:bodyPr>
            <a:noAutofit/>
          </a:bodyPr>
          <a:lstStyle>
            <a:lvl1pPr>
              <a:lnSpc>
                <a:spcPct val="80000"/>
              </a:lnSpc>
              <a:defRPr sz="4001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717976" y="823150"/>
            <a:ext cx="5681382" cy="5185849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024661" y="2258029"/>
            <a:ext cx="4391406" cy="3763165"/>
          </a:xfrm>
        </p:spPr>
        <p:txBody>
          <a:bodyPr lIns="91440" rIns="91440">
            <a:normAutofit/>
          </a:bodyPr>
          <a:lstStyle>
            <a:lvl1pPr marL="0" indent="0">
              <a:lnSpc>
                <a:spcPct val="108000"/>
              </a:lnSpc>
              <a:spcBef>
                <a:spcPts val="600"/>
              </a:spcBef>
              <a:buNone/>
              <a:defRPr sz="1600"/>
            </a:lvl1pPr>
            <a:lvl2pPr marL="457291" indent="0">
              <a:buNone/>
              <a:defRPr sz="1200"/>
            </a:lvl2pPr>
            <a:lvl3pPr marL="914583" indent="0">
              <a:buNone/>
              <a:defRPr sz="1000"/>
            </a:lvl3pPr>
            <a:lvl4pPr marL="1371874" indent="0">
              <a:buNone/>
              <a:defRPr sz="900"/>
            </a:lvl4pPr>
            <a:lvl5pPr marL="1829166" indent="0">
              <a:buNone/>
              <a:defRPr sz="900"/>
            </a:lvl5pPr>
            <a:lvl6pPr marL="2286457" indent="0">
              <a:buNone/>
              <a:defRPr sz="900"/>
            </a:lvl6pPr>
            <a:lvl7pPr marL="2743749" indent="0">
              <a:buNone/>
              <a:defRPr sz="900"/>
            </a:lvl7pPr>
            <a:lvl8pPr marL="3201040" indent="0">
              <a:buNone/>
              <a:defRPr sz="900"/>
            </a:lvl8pPr>
            <a:lvl9pPr marL="3658332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64263163"/>
      </p:ext>
    </p:extLst>
  </p:cSld>
  <p:clrMapOvr>
    <a:masterClrMapping/>
  </p:clrMapOvr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438" y="4961286"/>
            <a:ext cx="7776448" cy="1463379"/>
          </a:xfrm>
        </p:spPr>
        <p:txBody>
          <a:bodyPr anchor="ctr">
            <a:normAutofit/>
          </a:bodyPr>
          <a:lstStyle>
            <a:lvl1pPr algn="r">
              <a:defRPr sz="5001" spc="200" baseline="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0" y="-1"/>
            <a:ext cx="12195300" cy="4573059"/>
          </a:xfrm>
          <a:solidFill>
            <a:schemeClr val="accent1">
              <a:lumMod val="60000"/>
              <a:lumOff val="40000"/>
            </a:schemeClr>
          </a:solidFill>
        </p:spPr>
        <p:txBody>
          <a:bodyPr lIns="457200" tIns="365760" rIns="45720" bIns="45720" anchor="t"/>
          <a:lstStyle>
            <a:lvl1pPr marL="0" indent="0">
              <a:buNone/>
              <a:defRPr sz="3201"/>
            </a:lvl1pPr>
            <a:lvl2pPr marL="457291" indent="0">
              <a:buNone/>
              <a:defRPr sz="2801"/>
            </a:lvl2pPr>
            <a:lvl3pPr marL="914583" indent="0">
              <a:buNone/>
              <a:defRPr sz="2400"/>
            </a:lvl3pPr>
            <a:lvl4pPr marL="1371874" indent="0">
              <a:buNone/>
              <a:defRPr sz="2000"/>
            </a:lvl4pPr>
            <a:lvl5pPr marL="1829166" indent="0">
              <a:buNone/>
              <a:defRPr sz="2000"/>
            </a:lvl5pPr>
            <a:lvl6pPr marL="2286457" indent="0">
              <a:buNone/>
              <a:defRPr sz="2000"/>
            </a:lvl6pPr>
            <a:lvl7pPr marL="2743749" indent="0">
              <a:buNone/>
              <a:defRPr sz="2000"/>
            </a:lvl7pPr>
            <a:lvl8pPr marL="3201040" indent="0">
              <a:buNone/>
              <a:defRPr sz="2000"/>
            </a:lvl8pPr>
            <a:lvl9pPr marL="3658332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615085" y="4961286"/>
            <a:ext cx="3202067" cy="1463379"/>
          </a:xfrm>
        </p:spPr>
        <p:txBody>
          <a:bodyPr lIns="91440" rIns="91440" anchor="ctr">
            <a:normAutofit/>
          </a:bodyPr>
          <a:lstStyle>
            <a:lvl1pPr marL="0" indent="0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tx1">
                    <a:lumMod val="95000"/>
                    <a:lumOff val="5000"/>
                  </a:schemeClr>
                </a:solidFill>
              </a:defRPr>
            </a:lvl1pPr>
            <a:lvl2pPr marL="457291" indent="0">
              <a:buNone/>
              <a:defRPr sz="1400"/>
            </a:lvl2pPr>
            <a:lvl3pPr marL="914583" indent="0">
              <a:buNone/>
              <a:defRPr sz="1200"/>
            </a:lvl3pPr>
            <a:lvl4pPr marL="1371874" indent="0">
              <a:buNone/>
              <a:defRPr sz="1000"/>
            </a:lvl4pPr>
            <a:lvl5pPr marL="1829166" indent="0">
              <a:buNone/>
              <a:defRPr sz="1000"/>
            </a:lvl5pPr>
            <a:lvl6pPr marL="2286457" indent="0">
              <a:buNone/>
              <a:defRPr sz="1000"/>
            </a:lvl6pPr>
            <a:lvl7pPr marL="2743749" indent="0">
              <a:buNone/>
              <a:defRPr sz="1000"/>
            </a:lvl7pPr>
            <a:lvl8pPr marL="3201040" indent="0">
              <a:buNone/>
              <a:defRPr sz="1000"/>
            </a:lvl8pPr>
            <a:lvl9pPr marL="3658332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  <p:cxnSp>
        <p:nvCxnSpPr>
          <p:cNvPr id="8" name="Straight Connector 7"/>
          <p:cNvCxnSpPr/>
          <p:nvPr/>
        </p:nvCxnSpPr>
        <p:spPr>
          <a:xfrm flipV="1">
            <a:off x="8391211" y="5265325"/>
            <a:ext cx="0" cy="914612"/>
          </a:xfrm>
          <a:prstGeom prst="line">
            <a:avLst/>
          </a:prstGeom>
          <a:ln w="1905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88180903"/>
      </p:ext>
    </p:extLst>
  </p:cSld>
  <p:clrMapOvr>
    <a:masterClrMapping/>
  </p:clrMapOvr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32662323"/>
      </p:ext>
    </p:extLst>
  </p:cSld>
  <p:clrMapOvr>
    <a:masterClrMapping/>
  </p:clrMapOvr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729445" y="762176"/>
            <a:ext cx="2630269" cy="5411453"/>
          </a:xfrm>
        </p:spPr>
        <p:txBody>
          <a:bodyPr vert="eaVert" lIns="45720" tIns="91440" rIns="45720" bIns="91440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991117" y="762176"/>
            <a:ext cx="7585849" cy="5411453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/>
        </p:nvCxnSpPr>
        <p:spPr>
          <a:xfrm rot="5400000" flipV="1">
            <a:off x="10063639" y="59145"/>
            <a:ext cx="0" cy="914876"/>
          </a:xfrm>
          <a:prstGeom prst="line">
            <a:avLst/>
          </a:prstGeom>
          <a:ln w="1905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232002447"/>
      </p:ext>
    </p:extLst>
  </p:cSld>
  <p:clrMapOvr>
    <a:masterClrMapping/>
  </p:clrMapOvr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600" y="1630363"/>
            <a:ext cx="11160125" cy="2308324"/>
          </a:xfrm>
        </p:spPr>
        <p:txBody>
          <a:bodyPr>
            <a:spAutoFit/>
          </a:bodyPr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82600" y="6597650"/>
            <a:ext cx="5508625" cy="153888"/>
          </a:xfrm>
        </p:spPr>
        <p:txBody>
          <a:bodyPr wrap="square" anchor="b">
            <a:spAutoFit/>
          </a:bodyPr>
          <a:lstStyle>
            <a:lvl1pPr>
              <a:defRPr sz="1000" b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/>
              <a:t>Footnote | Source | Disclaimer, Calibri , 10 </a:t>
            </a:r>
            <a:r>
              <a:rPr lang="en-US" dirty="0" err="1"/>
              <a:t>pt</a:t>
            </a:r>
            <a:endParaRPr lang="en-US" dirty="0"/>
          </a:p>
        </p:txBody>
      </p:sp>
      <p:grpSp>
        <p:nvGrpSpPr>
          <p:cNvPr id="3" name="Gruppieren 2"/>
          <p:cNvGrpSpPr/>
          <p:nvPr userDrawn="1"/>
        </p:nvGrpSpPr>
        <p:grpSpPr>
          <a:xfrm>
            <a:off x="12649206" y="1"/>
            <a:ext cx="1865457" cy="5981700"/>
            <a:chOff x="12649206" y="1"/>
            <a:chExt cx="1865457" cy="5981700"/>
          </a:xfrm>
        </p:grpSpPr>
        <p:sp>
          <p:nvSpPr>
            <p:cNvPr id="1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To ensure a clean and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swift workflow with </a:t>
              </a: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bullet points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, please use th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PRE-SET PLACEHOLDERS or FORMATTED TEXTBOXES</a:t>
              </a:r>
              <a:r>
                <a:rPr lang="en-US" sz="1100" b="1" dirty="0">
                  <a:solidFill>
                    <a:schemeClr val="bg1"/>
                  </a:solidFill>
                  <a:latin typeface="+mn-lt"/>
                </a:rPr>
                <a:t> 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– do not use “normal” textboxes that have been added via th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 add  textbox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se textboxes cannot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  <a:sym typeface="Wingdings" panose="05000000000000000000" pitchFamily="2" charset="2"/>
                </a:rPr>
                <a:t>AUTOMATIC INDENTATION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IN PLACEHOLDERS are only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  <a:t>the list level               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anose="05000000000000000000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(or Shift + Alt +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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 / </a:t>
              </a: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)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b="1" dirty="0">
                  <a:solidFill>
                    <a:schemeClr val="tx1"/>
                  </a:solidFill>
                  <a:latin typeface="+mn-lt"/>
                </a:rPr>
                <a:t>Formatted textboxes/ placeholders </a:t>
              </a:r>
              <a:r>
                <a:rPr lang="en-US" sz="1100" dirty="0">
                  <a:solidFill>
                    <a:schemeClr val="bg1"/>
                  </a:solidFill>
                  <a:latin typeface="+mn-lt"/>
                </a:rPr>
                <a:t>are available in the template – just make a copy OR: generate a new placeholder by following these steps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Start  new slid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 choose layout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"Content Slide"</a:t>
              </a:r>
            </a:p>
            <a:p>
              <a:pPr marL="177800" lvl="1" indent="-177800">
                <a:spcBef>
                  <a:spcPts val="60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Placeholders can be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filled and then copied. </a:t>
              </a:r>
              <a:b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</a:br>
              <a:r>
                <a:rPr lang="en-US" sz="1100" dirty="0">
                  <a:solidFill>
                    <a:schemeClr val="bg1"/>
                  </a:solidFill>
                  <a:latin typeface="+mn-lt"/>
                  <a:sym typeface="Wingdings" pitchFamily="2" charset="2"/>
                </a:rPr>
                <a:t>The copied placeholder will keep its formatting </a:t>
              </a:r>
              <a:endParaRPr lang="en-US" sz="1100" dirty="0">
                <a:solidFill>
                  <a:schemeClr val="bg1"/>
                </a:solidFill>
                <a:latin typeface="+mn-lt"/>
              </a:endParaRPr>
            </a:p>
          </p:txBody>
        </p:sp>
        <p:grpSp>
          <p:nvGrpSpPr>
            <p:cNvPr id="12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4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000" dirty="0">
                  <a:solidFill>
                    <a:schemeClr val="tx1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15" name="Picture 20"/>
              <p:cNvPicPr>
                <a:picLocks noChangeAspect="1" noChangeArrowheads="1"/>
              </p:cNvPicPr>
              <p:nvPr/>
            </p:nvPicPr>
            <p:blipFill rotWithShape="1">
              <a:blip r:embed="rId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60044" t="4977" r="38417" b="92430"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  <p:sp>
        <p:nvSpPr>
          <p:cNvPr id="18" name="Text Placeholder 17"/>
          <p:cNvSpPr>
            <a:spLocks noGrp="1"/>
          </p:cNvSpPr>
          <p:nvPr>
            <p:ph type="body" sz="quarter" idx="12"/>
          </p:nvPr>
        </p:nvSpPr>
        <p:spPr>
          <a:xfrm>
            <a:off x="10766425" y="6499225"/>
            <a:ext cx="914400" cy="914400"/>
          </a:xfrm>
        </p:spPr>
        <p:txBody>
          <a:bodyPr/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86099922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390775" y="4802188"/>
            <a:ext cx="7319963" cy="566737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390775" y="612775"/>
            <a:ext cx="7319963" cy="4116388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2390775" y="5368925"/>
            <a:ext cx="7319963" cy="8048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slideLayout" Target="../slideLayouts/slideLayout39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slideLayout" Target="../slideLayouts/slideLayout29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67.xml"/><Relationship Id="rId3" Type="http://schemas.openxmlformats.org/officeDocument/2006/relationships/slideLayout" Target="../slideLayouts/slideLayout62.xml"/><Relationship Id="rId7" Type="http://schemas.openxmlformats.org/officeDocument/2006/relationships/slideLayout" Target="../slideLayouts/slideLayout66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61.xml"/><Relationship Id="rId1" Type="http://schemas.openxmlformats.org/officeDocument/2006/relationships/slideLayout" Target="../slideLayouts/slideLayout60.xml"/><Relationship Id="rId6" Type="http://schemas.openxmlformats.org/officeDocument/2006/relationships/slideLayout" Target="../slideLayouts/slideLayout65.xml"/><Relationship Id="rId11" Type="http://schemas.openxmlformats.org/officeDocument/2006/relationships/slideLayout" Target="../slideLayouts/slideLayout70.xml"/><Relationship Id="rId5" Type="http://schemas.openxmlformats.org/officeDocument/2006/relationships/slideLayout" Target="../slideLayouts/slideLayout64.xml"/><Relationship Id="rId10" Type="http://schemas.openxmlformats.org/officeDocument/2006/relationships/slideLayout" Target="../slideLayouts/slideLayout69.xml"/><Relationship Id="rId4" Type="http://schemas.openxmlformats.org/officeDocument/2006/relationships/slideLayout" Target="../slideLayouts/slideLayout63.xml"/><Relationship Id="rId9" Type="http://schemas.openxmlformats.org/officeDocument/2006/relationships/slideLayout" Target="../slideLayouts/slideLayout68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tags" Target="../tags/tag131.xml"/><Relationship Id="rId3" Type="http://schemas.openxmlformats.org/officeDocument/2006/relationships/slideLayout" Target="../slideLayouts/slideLayout73.xml"/><Relationship Id="rId7" Type="http://schemas.openxmlformats.org/officeDocument/2006/relationships/tags" Target="../tags/tag130.xml"/><Relationship Id="rId12" Type="http://schemas.openxmlformats.org/officeDocument/2006/relationships/image" Target="../media/image2.emf"/><Relationship Id="rId2" Type="http://schemas.openxmlformats.org/officeDocument/2006/relationships/slideLayout" Target="../slideLayouts/slideLayout72.xml"/><Relationship Id="rId1" Type="http://schemas.openxmlformats.org/officeDocument/2006/relationships/slideLayout" Target="../slideLayouts/slideLayout71.xml"/><Relationship Id="rId6" Type="http://schemas.openxmlformats.org/officeDocument/2006/relationships/theme" Target="../theme/theme3.xml"/><Relationship Id="rId11" Type="http://schemas.openxmlformats.org/officeDocument/2006/relationships/oleObject" Target="../embeddings/oleObject45.bin"/><Relationship Id="rId5" Type="http://schemas.openxmlformats.org/officeDocument/2006/relationships/slideLayout" Target="../slideLayouts/slideLayout75.xml"/><Relationship Id="rId10" Type="http://schemas.openxmlformats.org/officeDocument/2006/relationships/tags" Target="../tags/tag133.xml"/><Relationship Id="rId4" Type="http://schemas.openxmlformats.org/officeDocument/2006/relationships/slideLayout" Target="../slideLayouts/slideLayout74.xml"/><Relationship Id="rId9" Type="http://schemas.openxmlformats.org/officeDocument/2006/relationships/tags" Target="../tags/tag132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3.xml"/><Relationship Id="rId13" Type="http://schemas.openxmlformats.org/officeDocument/2006/relationships/theme" Target="../theme/theme4.xml"/><Relationship Id="rId3" Type="http://schemas.openxmlformats.org/officeDocument/2006/relationships/slideLayout" Target="../slideLayouts/slideLayout78.xml"/><Relationship Id="rId7" Type="http://schemas.openxmlformats.org/officeDocument/2006/relationships/slideLayout" Target="../slideLayouts/slideLayout82.xml"/><Relationship Id="rId12" Type="http://schemas.openxmlformats.org/officeDocument/2006/relationships/slideLayout" Target="../slideLayouts/slideLayout87.xml"/><Relationship Id="rId2" Type="http://schemas.openxmlformats.org/officeDocument/2006/relationships/slideLayout" Target="../slideLayouts/slideLayout77.xml"/><Relationship Id="rId1" Type="http://schemas.openxmlformats.org/officeDocument/2006/relationships/slideLayout" Target="../slideLayouts/slideLayout76.xml"/><Relationship Id="rId6" Type="http://schemas.openxmlformats.org/officeDocument/2006/relationships/slideLayout" Target="../slideLayouts/slideLayout81.xml"/><Relationship Id="rId11" Type="http://schemas.openxmlformats.org/officeDocument/2006/relationships/slideLayout" Target="../slideLayouts/slideLayout86.xml"/><Relationship Id="rId5" Type="http://schemas.openxmlformats.org/officeDocument/2006/relationships/slideLayout" Target="../slideLayouts/slideLayout80.xml"/><Relationship Id="rId10" Type="http://schemas.openxmlformats.org/officeDocument/2006/relationships/slideLayout" Target="../slideLayouts/slideLayout85.xml"/><Relationship Id="rId4" Type="http://schemas.openxmlformats.org/officeDocument/2006/relationships/slideLayout" Target="../slideLayouts/slideLayout79.xml"/><Relationship Id="rId9" Type="http://schemas.openxmlformats.org/officeDocument/2006/relationships/slideLayout" Target="../slideLayouts/slideLayout8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609600" y="274638"/>
            <a:ext cx="1097915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600200"/>
            <a:ext cx="10979150" cy="4527550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09600" y="6357938"/>
            <a:ext cx="2846388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167188" y="6357938"/>
            <a:ext cx="3863975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742363" y="6357938"/>
            <a:ext cx="2846387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40" r:id="rId1"/>
    <p:sldLayoutId id="2147483741" r:id="rId2"/>
    <p:sldLayoutId id="2147483742" r:id="rId3"/>
    <p:sldLayoutId id="2147483743" r:id="rId4"/>
    <p:sldLayoutId id="2147483744" r:id="rId5"/>
    <p:sldLayoutId id="2147483745" r:id="rId6"/>
    <p:sldLayoutId id="2147483746" r:id="rId7"/>
    <p:sldLayoutId id="2147483747" r:id="rId8"/>
    <p:sldLayoutId id="2147483748" r:id="rId9"/>
    <p:sldLayoutId id="2147483749" r:id="rId10"/>
    <p:sldLayoutId id="2147483750" r:id="rId11"/>
    <p:sldLayoutId id="2147483752" r:id="rId12"/>
    <p:sldLayoutId id="2147483661" r:id="rId13"/>
    <p:sldLayoutId id="2147483649" r:id="rId14"/>
    <p:sldLayoutId id="2147483719" r:id="rId15"/>
    <p:sldLayoutId id="2147483720" r:id="rId16"/>
    <p:sldLayoutId id="2147483660" r:id="rId17"/>
    <p:sldLayoutId id="2147483688" r:id="rId18"/>
    <p:sldLayoutId id="2147483687" r:id="rId19"/>
    <p:sldLayoutId id="2147483686" r:id="rId20"/>
    <p:sldLayoutId id="2147483721" r:id="rId21"/>
    <p:sldLayoutId id="2147483722" r:id="rId22"/>
    <p:sldLayoutId id="2147483669" r:id="rId23"/>
    <p:sldLayoutId id="2147483670" r:id="rId24"/>
    <p:sldLayoutId id="2147483671" r:id="rId25"/>
    <p:sldLayoutId id="2147483662" r:id="rId26"/>
    <p:sldLayoutId id="2147483706" r:id="rId27"/>
    <p:sldLayoutId id="2147483707" r:id="rId28"/>
    <p:sldLayoutId id="2147483708" r:id="rId29"/>
    <p:sldLayoutId id="2147483663" r:id="rId30"/>
    <p:sldLayoutId id="2147483664" r:id="rId31"/>
    <p:sldLayoutId id="2147483709" r:id="rId32"/>
    <p:sldLayoutId id="2147483710" r:id="rId33"/>
    <p:sldLayoutId id="2147483711" r:id="rId34"/>
    <p:sldLayoutId id="2147483665" r:id="rId35"/>
    <p:sldLayoutId id="2147483666" r:id="rId36"/>
    <p:sldLayoutId id="2147483712" r:id="rId37"/>
    <p:sldLayoutId id="2147483713" r:id="rId38"/>
    <p:sldLayoutId id="2147483714" r:id="rId39"/>
    <p:sldLayoutId id="2147483726" r:id="rId40"/>
    <p:sldLayoutId id="2147483668" r:id="rId41"/>
    <p:sldLayoutId id="2147483723" r:id="rId42"/>
    <p:sldLayoutId id="2147483724" r:id="rId43"/>
    <p:sldLayoutId id="2147483725" r:id="rId44"/>
    <p:sldLayoutId id="2147483654" r:id="rId45"/>
    <p:sldLayoutId id="2147483672" r:id="rId46"/>
    <p:sldLayoutId id="2147483673" r:id="rId47"/>
    <p:sldLayoutId id="2147483674" r:id="rId48"/>
    <p:sldLayoutId id="2147483675" r:id="rId49"/>
    <p:sldLayoutId id="2147483676" r:id="rId50"/>
    <p:sldLayoutId id="2147483677" r:id="rId51"/>
    <p:sldLayoutId id="2147483693" r:id="rId52"/>
    <p:sldLayoutId id="2147483694" r:id="rId53"/>
    <p:sldLayoutId id="2147483700" r:id="rId54"/>
    <p:sldLayoutId id="2147483701" r:id="rId55"/>
    <p:sldLayoutId id="2147483696" r:id="rId56"/>
    <p:sldLayoutId id="2147483698" r:id="rId57"/>
    <p:sldLayoutId id="2147483697" r:id="rId58"/>
    <p:sldLayoutId id="2147483690" r:id="rId59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609600" y="274638"/>
            <a:ext cx="1097915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600200"/>
            <a:ext cx="10979150" cy="4527550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09600" y="6357938"/>
            <a:ext cx="2846388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3E254B60-AE64-4457-8407-F0564DC7EF0E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167188" y="6357938"/>
            <a:ext cx="3863975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742363" y="6357938"/>
            <a:ext cx="2846387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EADDBC3-A1D4-4B18-8425-99112FF94795}" type="slidenum">
              <a:rPr lang="en-US" smtClean="0"/>
              <a:pPr/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28" r:id="rId1"/>
    <p:sldLayoutId id="2147483729" r:id="rId2"/>
    <p:sldLayoutId id="2147483730" r:id="rId3"/>
    <p:sldLayoutId id="2147483731" r:id="rId4"/>
    <p:sldLayoutId id="2147483732" r:id="rId5"/>
    <p:sldLayoutId id="2147483733" r:id="rId6"/>
    <p:sldLayoutId id="2147483734" r:id="rId7"/>
    <p:sldLayoutId id="2147483735" r:id="rId8"/>
    <p:sldLayoutId id="2147483736" r:id="rId9"/>
    <p:sldLayoutId id="2147483737" r:id="rId10"/>
    <p:sldLayoutId id="2147483738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rgbClr val="04040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8"/>
            </p:custDataLst>
            <p:extLst>
              <p:ext uri="{D42A27DB-BD31-4B8C-83A1-F6EECF244321}">
                <p14:modId xmlns:p14="http://schemas.microsoft.com/office/powerpoint/2010/main" val="134583049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11" imgW="270" imgH="270" progId="">
                  <p:embed/>
                </p:oleObj>
              </mc:Choice>
              <mc:Fallback>
                <p:oleObj name="think-cell Folie" r:id="rId11" imgW="270" imgH="270" progId="">
                  <p:embed/>
                  <p:pic>
                    <p:nvPicPr>
                      <p:cNvPr id="0" name="Picture 19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platzhalter 1"/>
          <p:cNvSpPr>
            <a:spLocks noGrp="1"/>
          </p:cNvSpPr>
          <p:nvPr>
            <p:ph type="title"/>
          </p:nvPr>
        </p:nvSpPr>
        <p:spPr>
          <a:xfrm>
            <a:off x="482601" y="216377"/>
            <a:ext cx="9144000" cy="492443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noProof="0" dirty="0"/>
              <a:t>Headline, Calibri Bold, 32 </a:t>
            </a:r>
            <a:r>
              <a:rPr lang="en-US" noProof="0" dirty="0" err="1"/>
              <a:t>pt</a:t>
            </a:r>
            <a:endParaRPr lang="en-US" noProof="0" dirty="0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482600" y="1630363"/>
            <a:ext cx="11160125" cy="4678362"/>
          </a:xfrm>
          <a:prstGeom prst="rect">
            <a:avLst/>
          </a:prstGeom>
        </p:spPr>
        <p:txBody>
          <a:bodyPr vert="horz" wrap="square" lIns="0" tIns="0" rIns="0" bIns="0" rtlCol="0">
            <a:noAutofit/>
          </a:bodyPr>
          <a:lstStyle/>
          <a:p>
            <a:pPr lvl="0"/>
            <a:r>
              <a:rPr lang="en-US" noProof="0" dirty="0"/>
              <a:t>Subhead, Calibri, 26 </a:t>
            </a:r>
            <a:r>
              <a:rPr lang="en-US" noProof="0" dirty="0" err="1"/>
              <a:t>pt</a:t>
            </a:r>
            <a:endParaRPr lang="en-US" noProof="0" dirty="0"/>
          </a:p>
          <a:p>
            <a:pPr lvl="1"/>
            <a:r>
              <a:rPr lang="en-US" noProof="0" dirty="0"/>
              <a:t>First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13" name="cdtTextBox 13 Id19"/>
          <p:cNvSpPr txBox="1"/>
          <p:nvPr>
            <p:custDataLst>
              <p:tags r:id="rId9"/>
            </p:custDataLst>
          </p:nvPr>
        </p:nvSpPr>
        <p:spPr>
          <a:xfrm>
            <a:off x="8016876" y="6396038"/>
            <a:ext cx="3613634" cy="169277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r">
              <a:lnSpc>
                <a:spcPct val="110000"/>
              </a:lnSpc>
              <a:spcBef>
                <a:spcPts val="0"/>
              </a:spcBef>
            </a:pPr>
            <a:r>
              <a:rPr lang="en-US" sz="1000" noProof="0" dirty="0">
                <a:solidFill>
                  <a:schemeClr val="tx1"/>
                </a:solidFill>
                <a:latin typeface="Calibri" panose="020F0502020204030204" pitchFamily="34" charset="0"/>
              </a:rPr>
              <a:t>Author | Department</a:t>
            </a:r>
          </a:p>
        </p:txBody>
      </p:sp>
      <p:sp>
        <p:nvSpPr>
          <p:cNvPr id="86" name="Freeform 11"/>
          <p:cNvSpPr>
            <a:spLocks/>
          </p:cNvSpPr>
          <p:nvPr/>
        </p:nvSpPr>
        <p:spPr bwMode="auto">
          <a:xfrm>
            <a:off x="3175" y="1151075"/>
            <a:ext cx="12195175" cy="474528"/>
          </a:xfrm>
          <a:custGeom>
            <a:avLst/>
            <a:gdLst>
              <a:gd name="connsiteX0" fmla="*/ 2352 w 12207175"/>
              <a:gd name="connsiteY0" fmla="*/ 2380 h 1624807"/>
              <a:gd name="connsiteX1" fmla="*/ 12207175 w 12207175"/>
              <a:gd name="connsiteY1" fmla="*/ 0 h 1624807"/>
              <a:gd name="connsiteX2" fmla="*/ 12207175 w 12207175"/>
              <a:gd name="connsiteY2" fmla="*/ 1150279 h 1624807"/>
              <a:gd name="connsiteX3" fmla="*/ 0 w 12207175"/>
              <a:gd name="connsiteY3" fmla="*/ 1624807 h 1624807"/>
              <a:gd name="connsiteX4" fmla="*/ 93792 w 12207175"/>
              <a:gd name="connsiteY4" fmla="*/ 93820 h 1624807"/>
              <a:gd name="connsiteX0" fmla="*/ 2352 w 12207175"/>
              <a:gd name="connsiteY0" fmla="*/ 2380 h 1624807"/>
              <a:gd name="connsiteX1" fmla="*/ 12207175 w 12207175"/>
              <a:gd name="connsiteY1" fmla="*/ 0 h 1624807"/>
              <a:gd name="connsiteX2" fmla="*/ 12207175 w 12207175"/>
              <a:gd name="connsiteY2" fmla="*/ 1150279 h 1624807"/>
              <a:gd name="connsiteX3" fmla="*/ 0 w 12207175"/>
              <a:gd name="connsiteY3" fmla="*/ 1624807 h 1624807"/>
              <a:gd name="connsiteX0" fmla="*/ 2352 w 12207175"/>
              <a:gd name="connsiteY0" fmla="*/ 4126 h 1626553"/>
              <a:gd name="connsiteX1" fmla="*/ 31685 w 12207175"/>
              <a:gd name="connsiteY1" fmla="*/ 0 h 1626553"/>
              <a:gd name="connsiteX2" fmla="*/ 12207175 w 12207175"/>
              <a:gd name="connsiteY2" fmla="*/ 1746 h 1626553"/>
              <a:gd name="connsiteX3" fmla="*/ 12207175 w 12207175"/>
              <a:gd name="connsiteY3" fmla="*/ 1152025 h 1626553"/>
              <a:gd name="connsiteX4" fmla="*/ 0 w 12207175"/>
              <a:gd name="connsiteY4" fmla="*/ 1626553 h 1626553"/>
              <a:gd name="connsiteX0" fmla="*/ 2352 w 12207175"/>
              <a:gd name="connsiteY0" fmla="*/ 2380 h 1624807"/>
              <a:gd name="connsiteX1" fmla="*/ 12207175 w 12207175"/>
              <a:gd name="connsiteY1" fmla="*/ 0 h 1624807"/>
              <a:gd name="connsiteX2" fmla="*/ 12207175 w 12207175"/>
              <a:gd name="connsiteY2" fmla="*/ 1150279 h 1624807"/>
              <a:gd name="connsiteX3" fmla="*/ 0 w 12207175"/>
              <a:gd name="connsiteY3" fmla="*/ 1624807 h 1624807"/>
              <a:gd name="connsiteX0" fmla="*/ 12207175 w 12207175"/>
              <a:gd name="connsiteY0" fmla="*/ 0 h 1624807"/>
              <a:gd name="connsiteX1" fmla="*/ 12207175 w 12207175"/>
              <a:gd name="connsiteY1" fmla="*/ 1150279 h 1624807"/>
              <a:gd name="connsiteX2" fmla="*/ 0 w 12207175"/>
              <a:gd name="connsiteY2" fmla="*/ 1624807 h 1624807"/>
              <a:gd name="connsiteX0" fmla="*/ 12207175 w 12207175"/>
              <a:gd name="connsiteY0" fmla="*/ 0 h 474528"/>
              <a:gd name="connsiteX1" fmla="*/ 0 w 12207175"/>
              <a:gd name="connsiteY1" fmla="*/ 474528 h 47452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w="12207175" h="474528">
                <a:moveTo>
                  <a:pt x="12207175" y="0"/>
                </a:moveTo>
                <a:cubicBezTo>
                  <a:pt x="9794392" y="10920"/>
                  <a:pt x="4154653" y="95989"/>
                  <a:pt x="0" y="474528"/>
                </a:cubicBezTo>
              </a:path>
            </a:pathLst>
          </a:custGeom>
          <a:noFill/>
          <a:ln w="9525">
            <a:solidFill>
              <a:srgbClr val="F9B591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eaLnBrk="1"/>
            <a:endParaRPr lang="en-US" dirty="0">
              <a:solidFill>
                <a:srgbClr val="5F5656"/>
              </a:solidFill>
              <a:latin typeface="Calibri" panose="020F0502020204030204" pitchFamily="34" charset="0"/>
            </a:endParaRPr>
          </a:p>
        </p:txBody>
      </p:sp>
      <p:grpSp>
        <p:nvGrpSpPr>
          <p:cNvPr id="6" name="Gruppieren 5"/>
          <p:cNvGrpSpPr/>
          <p:nvPr/>
        </p:nvGrpSpPr>
        <p:grpSpPr>
          <a:xfrm>
            <a:off x="10291931" y="341313"/>
            <a:ext cx="1638132" cy="385201"/>
            <a:chOff x="10291931" y="341313"/>
            <a:chExt cx="1638132" cy="385201"/>
          </a:xfrm>
          <a:solidFill>
            <a:schemeClr val="tx1"/>
          </a:solidFill>
        </p:grpSpPr>
        <p:sp>
          <p:nvSpPr>
            <p:cNvPr id="150" name="Freihandform 149"/>
            <p:cNvSpPr>
              <a:spLocks noChangeAspect="1" noChangeArrowheads="1"/>
            </p:cNvSpPr>
            <p:nvPr/>
          </p:nvSpPr>
          <p:spPr bwMode="auto">
            <a:xfrm>
              <a:off x="11648397" y="403557"/>
              <a:ext cx="281666" cy="277129"/>
            </a:xfrm>
            <a:custGeom>
              <a:avLst/>
              <a:gdLst>
                <a:gd name="connsiteX0" fmla="*/ 224003 w 484088"/>
                <a:gd name="connsiteY0" fmla="*/ 410646 h 476290"/>
                <a:gd name="connsiteX1" fmla="*/ 247187 w 484088"/>
                <a:gd name="connsiteY1" fmla="*/ 420103 h 476290"/>
                <a:gd name="connsiteX2" fmla="*/ 247187 w 484088"/>
                <a:gd name="connsiteY2" fmla="*/ 466833 h 476290"/>
                <a:gd name="connsiteX3" fmla="*/ 200818 w 484088"/>
                <a:gd name="connsiteY3" fmla="*/ 466833 h 476290"/>
                <a:gd name="connsiteX4" fmla="*/ 200818 w 484088"/>
                <a:gd name="connsiteY4" fmla="*/ 420103 h 476290"/>
                <a:gd name="connsiteX5" fmla="*/ 224003 w 484088"/>
                <a:gd name="connsiteY5" fmla="*/ 410646 h 476290"/>
                <a:gd name="connsiteX6" fmla="*/ 121049 w 484088"/>
                <a:gd name="connsiteY6" fmla="*/ 316301 h 476290"/>
                <a:gd name="connsiteX7" fmla="*/ 138696 w 484088"/>
                <a:gd name="connsiteY7" fmla="*/ 323796 h 476290"/>
                <a:gd name="connsiteX8" fmla="*/ 138696 w 484088"/>
                <a:gd name="connsiteY8" fmla="*/ 359325 h 476290"/>
                <a:gd name="connsiteX9" fmla="*/ 103128 w 484088"/>
                <a:gd name="connsiteY9" fmla="*/ 359325 h 476290"/>
                <a:gd name="connsiteX10" fmla="*/ 103128 w 484088"/>
                <a:gd name="connsiteY10" fmla="*/ 323796 h 476290"/>
                <a:gd name="connsiteX11" fmla="*/ 121049 w 484088"/>
                <a:gd name="connsiteY11" fmla="*/ 316301 h 476290"/>
                <a:gd name="connsiteX12" fmla="*/ 325449 w 484088"/>
                <a:gd name="connsiteY12" fmla="*/ 298284 h 476290"/>
                <a:gd name="connsiteX13" fmla="*/ 356024 w 484088"/>
                <a:gd name="connsiteY13" fmla="*/ 310902 h 476290"/>
                <a:gd name="connsiteX14" fmla="*/ 356024 w 484088"/>
                <a:gd name="connsiteY14" fmla="*/ 372214 h 476290"/>
                <a:gd name="connsiteX15" fmla="*/ 294874 w 484088"/>
                <a:gd name="connsiteY15" fmla="*/ 372214 h 476290"/>
                <a:gd name="connsiteX16" fmla="*/ 294874 w 484088"/>
                <a:gd name="connsiteY16" fmla="*/ 310902 h 476290"/>
                <a:gd name="connsiteX17" fmla="*/ 325449 w 484088"/>
                <a:gd name="connsiteY17" fmla="*/ 298284 h 476290"/>
                <a:gd name="connsiteX18" fmla="*/ 19273 w 484088"/>
                <a:gd name="connsiteY18" fmla="*/ 218685 h 476290"/>
                <a:gd name="connsiteX19" fmla="*/ 32986 w 484088"/>
                <a:gd name="connsiteY19" fmla="*/ 224259 h 476290"/>
                <a:gd name="connsiteX20" fmla="*/ 32986 w 484088"/>
                <a:gd name="connsiteY20" fmla="*/ 251759 h 476290"/>
                <a:gd name="connsiteX21" fmla="*/ 5560 w 484088"/>
                <a:gd name="connsiteY21" fmla="*/ 251759 h 476290"/>
                <a:gd name="connsiteX22" fmla="*/ 5560 w 484088"/>
                <a:gd name="connsiteY22" fmla="*/ 224259 h 476290"/>
                <a:gd name="connsiteX23" fmla="*/ 19273 w 484088"/>
                <a:gd name="connsiteY23" fmla="*/ 218685 h 476290"/>
                <a:gd name="connsiteX24" fmla="*/ 224003 w 484088"/>
                <a:gd name="connsiteY24" fmla="*/ 205318 h 476290"/>
                <a:gd name="connsiteX25" fmla="*/ 247187 w 484088"/>
                <a:gd name="connsiteY25" fmla="*/ 215174 h 476290"/>
                <a:gd name="connsiteX26" fmla="*/ 247187 w 484088"/>
                <a:gd name="connsiteY26" fmla="*/ 262482 h 476290"/>
                <a:gd name="connsiteX27" fmla="*/ 200818 w 484088"/>
                <a:gd name="connsiteY27" fmla="*/ 262482 h 476290"/>
                <a:gd name="connsiteX28" fmla="*/ 200818 w 484088"/>
                <a:gd name="connsiteY28" fmla="*/ 215174 h 476290"/>
                <a:gd name="connsiteX29" fmla="*/ 224003 w 484088"/>
                <a:gd name="connsiteY29" fmla="*/ 205318 h 476290"/>
                <a:gd name="connsiteX30" fmla="*/ 428279 w 484088"/>
                <a:gd name="connsiteY30" fmla="*/ 182871 h 476290"/>
                <a:gd name="connsiteX31" fmla="*/ 467652 w 484088"/>
                <a:gd name="connsiteY31" fmla="*/ 199351 h 476290"/>
                <a:gd name="connsiteX32" fmla="*/ 467652 w 484088"/>
                <a:gd name="connsiteY32" fmla="*/ 278307 h 476290"/>
                <a:gd name="connsiteX33" fmla="*/ 388906 w 484088"/>
                <a:gd name="connsiteY33" fmla="*/ 278307 h 476290"/>
                <a:gd name="connsiteX34" fmla="*/ 388906 w 484088"/>
                <a:gd name="connsiteY34" fmla="*/ 199351 h 476290"/>
                <a:gd name="connsiteX35" fmla="*/ 428279 w 484088"/>
                <a:gd name="connsiteY35" fmla="*/ 182871 h 476290"/>
                <a:gd name="connsiteX36" fmla="*/ 121049 w 484088"/>
                <a:gd name="connsiteY36" fmla="*/ 110842 h 476290"/>
                <a:gd name="connsiteX37" fmla="*/ 138696 w 484088"/>
                <a:gd name="connsiteY37" fmla="*/ 118337 h 476290"/>
                <a:gd name="connsiteX38" fmla="*/ 138696 w 484088"/>
                <a:gd name="connsiteY38" fmla="*/ 154236 h 476290"/>
                <a:gd name="connsiteX39" fmla="*/ 103128 w 484088"/>
                <a:gd name="connsiteY39" fmla="*/ 154236 h 476290"/>
                <a:gd name="connsiteX40" fmla="*/ 103128 w 484088"/>
                <a:gd name="connsiteY40" fmla="*/ 118337 h 476290"/>
                <a:gd name="connsiteX41" fmla="*/ 121049 w 484088"/>
                <a:gd name="connsiteY41" fmla="*/ 110842 h 476290"/>
                <a:gd name="connsiteX42" fmla="*/ 325683 w 484088"/>
                <a:gd name="connsiteY42" fmla="*/ 92919 h 476290"/>
                <a:gd name="connsiteX43" fmla="*/ 356092 w 484088"/>
                <a:gd name="connsiteY43" fmla="*/ 105817 h 476290"/>
                <a:gd name="connsiteX44" fmla="*/ 356092 w 484088"/>
                <a:gd name="connsiteY44" fmla="*/ 166756 h 476290"/>
                <a:gd name="connsiteX45" fmla="*/ 295553 w 484088"/>
                <a:gd name="connsiteY45" fmla="*/ 166756 h 476290"/>
                <a:gd name="connsiteX46" fmla="*/ 295553 w 484088"/>
                <a:gd name="connsiteY46" fmla="*/ 105817 h 476290"/>
                <a:gd name="connsiteX47" fmla="*/ 325683 w 484088"/>
                <a:gd name="connsiteY47" fmla="*/ 92919 h 476290"/>
                <a:gd name="connsiteX48" fmla="*/ 224003 w 484088"/>
                <a:gd name="connsiteY48" fmla="*/ 0 h 476290"/>
                <a:gd name="connsiteX49" fmla="*/ 247187 w 484088"/>
                <a:gd name="connsiteY49" fmla="*/ 9715 h 476290"/>
                <a:gd name="connsiteX50" fmla="*/ 247187 w 484088"/>
                <a:gd name="connsiteY50" fmla="*/ 57022 h 476290"/>
                <a:gd name="connsiteX51" fmla="*/ 200818 w 484088"/>
                <a:gd name="connsiteY51" fmla="*/ 57022 h 476290"/>
                <a:gd name="connsiteX52" fmla="*/ 200818 w 484088"/>
                <a:gd name="connsiteY52" fmla="*/ 9715 h 476290"/>
                <a:gd name="connsiteX53" fmla="*/ 224003 w 484088"/>
                <a:gd name="connsiteY53" fmla="*/ 0 h 47629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</a:cxnLst>
              <a:rect l="l" t="t" r="r" b="b"/>
              <a:pathLst>
                <a:path w="484088" h="476290">
                  <a:moveTo>
                    <a:pt x="224003" y="410646"/>
                  </a:moveTo>
                  <a:cubicBezTo>
                    <a:pt x="232375" y="410646"/>
                    <a:pt x="240747" y="413798"/>
                    <a:pt x="247187" y="420103"/>
                  </a:cubicBezTo>
                  <a:cubicBezTo>
                    <a:pt x="260067" y="433084"/>
                    <a:pt x="260067" y="453853"/>
                    <a:pt x="247187" y="466833"/>
                  </a:cubicBezTo>
                  <a:cubicBezTo>
                    <a:pt x="234307" y="479443"/>
                    <a:pt x="213699" y="479443"/>
                    <a:pt x="200818" y="466833"/>
                  </a:cubicBezTo>
                  <a:cubicBezTo>
                    <a:pt x="188306" y="454224"/>
                    <a:pt x="188306" y="433455"/>
                    <a:pt x="200818" y="420103"/>
                  </a:cubicBezTo>
                  <a:cubicBezTo>
                    <a:pt x="207259" y="413798"/>
                    <a:pt x="215631" y="410646"/>
                    <a:pt x="224003" y="410646"/>
                  </a:cubicBezTo>
                  <a:close/>
                  <a:moveTo>
                    <a:pt x="121049" y="316301"/>
                  </a:moveTo>
                  <a:cubicBezTo>
                    <a:pt x="127512" y="316301"/>
                    <a:pt x="133929" y="318800"/>
                    <a:pt x="138696" y="323796"/>
                  </a:cubicBezTo>
                  <a:cubicBezTo>
                    <a:pt x="148597" y="333788"/>
                    <a:pt x="148597" y="349333"/>
                    <a:pt x="138696" y="359325"/>
                  </a:cubicBezTo>
                  <a:cubicBezTo>
                    <a:pt x="129162" y="369318"/>
                    <a:pt x="113028" y="369318"/>
                    <a:pt x="103128" y="359325"/>
                  </a:cubicBezTo>
                  <a:cubicBezTo>
                    <a:pt x="93227" y="349333"/>
                    <a:pt x="93227" y="333788"/>
                    <a:pt x="103128" y="323796"/>
                  </a:cubicBezTo>
                  <a:cubicBezTo>
                    <a:pt x="108078" y="318800"/>
                    <a:pt x="114587" y="316301"/>
                    <a:pt x="121049" y="316301"/>
                  </a:cubicBezTo>
                  <a:close/>
                  <a:moveTo>
                    <a:pt x="325449" y="298284"/>
                  </a:moveTo>
                  <a:cubicBezTo>
                    <a:pt x="336448" y="298284"/>
                    <a:pt x="347448" y="302490"/>
                    <a:pt x="356024" y="310902"/>
                  </a:cubicBezTo>
                  <a:cubicBezTo>
                    <a:pt x="372803" y="328099"/>
                    <a:pt x="373175" y="355016"/>
                    <a:pt x="356024" y="372214"/>
                  </a:cubicBezTo>
                  <a:cubicBezTo>
                    <a:pt x="339245" y="389037"/>
                    <a:pt x="312026" y="389037"/>
                    <a:pt x="294874" y="372214"/>
                  </a:cubicBezTo>
                  <a:cubicBezTo>
                    <a:pt x="278468" y="355016"/>
                    <a:pt x="278468" y="328099"/>
                    <a:pt x="294874" y="310902"/>
                  </a:cubicBezTo>
                  <a:cubicBezTo>
                    <a:pt x="303450" y="302490"/>
                    <a:pt x="314449" y="298284"/>
                    <a:pt x="325449" y="298284"/>
                  </a:cubicBezTo>
                  <a:close/>
                  <a:moveTo>
                    <a:pt x="19273" y="218685"/>
                  </a:moveTo>
                  <a:cubicBezTo>
                    <a:pt x="24277" y="218685"/>
                    <a:pt x="29280" y="220543"/>
                    <a:pt x="32986" y="224259"/>
                  </a:cubicBezTo>
                  <a:cubicBezTo>
                    <a:pt x="40399" y="231692"/>
                    <a:pt x="40399" y="243955"/>
                    <a:pt x="32986" y="251759"/>
                  </a:cubicBezTo>
                  <a:cubicBezTo>
                    <a:pt x="25574" y="259192"/>
                    <a:pt x="12972" y="259192"/>
                    <a:pt x="5560" y="251759"/>
                  </a:cubicBezTo>
                  <a:cubicBezTo>
                    <a:pt x="-1853" y="243955"/>
                    <a:pt x="-1853" y="231692"/>
                    <a:pt x="5560" y="224259"/>
                  </a:cubicBezTo>
                  <a:cubicBezTo>
                    <a:pt x="9266" y="220543"/>
                    <a:pt x="14270" y="218685"/>
                    <a:pt x="19273" y="218685"/>
                  </a:cubicBezTo>
                  <a:close/>
                  <a:moveTo>
                    <a:pt x="224003" y="205318"/>
                  </a:moveTo>
                  <a:cubicBezTo>
                    <a:pt x="232375" y="205318"/>
                    <a:pt x="240747" y="208604"/>
                    <a:pt x="247187" y="215174"/>
                  </a:cubicBezTo>
                  <a:cubicBezTo>
                    <a:pt x="260067" y="228315"/>
                    <a:pt x="260067" y="249341"/>
                    <a:pt x="247187" y="262482"/>
                  </a:cubicBezTo>
                  <a:cubicBezTo>
                    <a:pt x="234307" y="275624"/>
                    <a:pt x="213699" y="275624"/>
                    <a:pt x="200818" y="262482"/>
                  </a:cubicBezTo>
                  <a:cubicBezTo>
                    <a:pt x="188306" y="249341"/>
                    <a:pt x="188306" y="228315"/>
                    <a:pt x="200818" y="215174"/>
                  </a:cubicBezTo>
                  <a:cubicBezTo>
                    <a:pt x="207259" y="208604"/>
                    <a:pt x="215631" y="205318"/>
                    <a:pt x="224003" y="205318"/>
                  </a:cubicBezTo>
                  <a:close/>
                  <a:moveTo>
                    <a:pt x="428279" y="182871"/>
                  </a:moveTo>
                  <a:cubicBezTo>
                    <a:pt x="442487" y="182871"/>
                    <a:pt x="456694" y="188365"/>
                    <a:pt x="467652" y="199351"/>
                  </a:cubicBezTo>
                  <a:cubicBezTo>
                    <a:pt x="489567" y="221325"/>
                    <a:pt x="489567" y="256334"/>
                    <a:pt x="467652" y="278307"/>
                  </a:cubicBezTo>
                  <a:cubicBezTo>
                    <a:pt x="445737" y="300281"/>
                    <a:pt x="410821" y="300281"/>
                    <a:pt x="388906" y="278307"/>
                  </a:cubicBezTo>
                  <a:cubicBezTo>
                    <a:pt x="366991" y="256706"/>
                    <a:pt x="366991" y="221325"/>
                    <a:pt x="388906" y="199351"/>
                  </a:cubicBezTo>
                  <a:cubicBezTo>
                    <a:pt x="399864" y="188365"/>
                    <a:pt x="414071" y="182871"/>
                    <a:pt x="428279" y="182871"/>
                  </a:cubicBezTo>
                  <a:close/>
                  <a:moveTo>
                    <a:pt x="121049" y="110842"/>
                  </a:moveTo>
                  <a:cubicBezTo>
                    <a:pt x="127512" y="110842"/>
                    <a:pt x="133929" y="113340"/>
                    <a:pt x="138696" y="118337"/>
                  </a:cubicBezTo>
                  <a:cubicBezTo>
                    <a:pt x="148597" y="128329"/>
                    <a:pt x="148597" y="144244"/>
                    <a:pt x="138696" y="154236"/>
                  </a:cubicBezTo>
                  <a:cubicBezTo>
                    <a:pt x="129162" y="163859"/>
                    <a:pt x="113028" y="163859"/>
                    <a:pt x="103128" y="154236"/>
                  </a:cubicBezTo>
                  <a:cubicBezTo>
                    <a:pt x="93227" y="144244"/>
                    <a:pt x="93227" y="128329"/>
                    <a:pt x="103128" y="118337"/>
                  </a:cubicBezTo>
                  <a:cubicBezTo>
                    <a:pt x="108078" y="113340"/>
                    <a:pt x="114587" y="110842"/>
                    <a:pt x="121049" y="110842"/>
                  </a:cubicBezTo>
                  <a:close/>
                  <a:moveTo>
                    <a:pt x="325683" y="92919"/>
                  </a:moveTo>
                  <a:cubicBezTo>
                    <a:pt x="336593" y="92919"/>
                    <a:pt x="347550" y="97219"/>
                    <a:pt x="356092" y="105817"/>
                  </a:cubicBezTo>
                  <a:cubicBezTo>
                    <a:pt x="373177" y="122641"/>
                    <a:pt x="373177" y="149558"/>
                    <a:pt x="356092" y="166756"/>
                  </a:cubicBezTo>
                  <a:cubicBezTo>
                    <a:pt x="339007" y="183579"/>
                    <a:pt x="312638" y="183579"/>
                    <a:pt x="295553" y="166756"/>
                  </a:cubicBezTo>
                  <a:cubicBezTo>
                    <a:pt x="278840" y="149558"/>
                    <a:pt x="278468" y="122641"/>
                    <a:pt x="295553" y="105817"/>
                  </a:cubicBezTo>
                  <a:cubicBezTo>
                    <a:pt x="303910" y="97219"/>
                    <a:pt x="314773" y="92919"/>
                    <a:pt x="325683" y="92919"/>
                  </a:cubicBezTo>
                  <a:close/>
                  <a:moveTo>
                    <a:pt x="224003" y="0"/>
                  </a:moveTo>
                  <a:cubicBezTo>
                    <a:pt x="232375" y="-47"/>
                    <a:pt x="240747" y="3144"/>
                    <a:pt x="247187" y="9715"/>
                  </a:cubicBezTo>
                  <a:cubicBezTo>
                    <a:pt x="260067" y="22480"/>
                    <a:pt x="260067" y="44257"/>
                    <a:pt x="247187" y="57022"/>
                  </a:cubicBezTo>
                  <a:cubicBezTo>
                    <a:pt x="234307" y="70163"/>
                    <a:pt x="213699" y="69788"/>
                    <a:pt x="200818" y="57022"/>
                  </a:cubicBezTo>
                  <a:cubicBezTo>
                    <a:pt x="188306" y="43881"/>
                    <a:pt x="188306" y="22856"/>
                    <a:pt x="200818" y="9715"/>
                  </a:cubicBezTo>
                  <a:cubicBezTo>
                    <a:pt x="207259" y="3332"/>
                    <a:pt x="215631" y="47"/>
                    <a:pt x="224003" y="0"/>
                  </a:cubicBezTo>
                  <a:close/>
                </a:path>
              </a:pathLst>
            </a:custGeom>
            <a:grpFill/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1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Calibri"/>
                  <a:ea typeface=""/>
                  <a:cs typeface=""/>
                </a:rPr>
                <a:t> </a:t>
              </a:r>
            </a:p>
          </p:txBody>
        </p:sp>
        <p:sp>
          <p:nvSpPr>
            <p:cNvPr id="151" name="Freihandform 150"/>
            <p:cNvSpPr>
              <a:spLocks noChangeAspect="1" noChangeArrowheads="1"/>
            </p:cNvSpPr>
            <p:nvPr/>
          </p:nvSpPr>
          <p:spPr bwMode="auto">
            <a:xfrm>
              <a:off x="10695399" y="341313"/>
              <a:ext cx="929765" cy="148020"/>
            </a:xfrm>
            <a:custGeom>
              <a:avLst/>
              <a:gdLst>
                <a:gd name="connsiteX0" fmla="*/ 1157347 w 1597949"/>
                <a:gd name="connsiteY0" fmla="*/ 4931 h 254396"/>
                <a:gd name="connsiteX1" fmla="*/ 1235941 w 1597949"/>
                <a:gd name="connsiteY1" fmla="*/ 4931 h 254396"/>
                <a:gd name="connsiteX2" fmla="*/ 1319354 w 1597949"/>
                <a:gd name="connsiteY2" fmla="*/ 168700 h 254396"/>
                <a:gd name="connsiteX3" fmla="*/ 1319354 w 1597949"/>
                <a:gd name="connsiteY3" fmla="*/ 4931 h 254396"/>
                <a:gd name="connsiteX4" fmla="*/ 1366807 w 1597949"/>
                <a:gd name="connsiteY4" fmla="*/ 4931 h 254396"/>
                <a:gd name="connsiteX5" fmla="*/ 1366807 w 1597949"/>
                <a:gd name="connsiteY5" fmla="*/ 249463 h 254396"/>
                <a:gd name="connsiteX6" fmla="*/ 1291179 w 1597949"/>
                <a:gd name="connsiteY6" fmla="*/ 249463 h 254396"/>
                <a:gd name="connsiteX7" fmla="*/ 1205170 w 1597949"/>
                <a:gd name="connsiteY7" fmla="*/ 83451 h 254396"/>
                <a:gd name="connsiteX8" fmla="*/ 1205170 w 1597949"/>
                <a:gd name="connsiteY8" fmla="*/ 249463 h 254396"/>
                <a:gd name="connsiteX9" fmla="*/ 1157347 w 1597949"/>
                <a:gd name="connsiteY9" fmla="*/ 249463 h 254396"/>
                <a:gd name="connsiteX10" fmla="*/ 936042 w 1597949"/>
                <a:gd name="connsiteY10" fmla="*/ 4931 h 254396"/>
                <a:gd name="connsiteX11" fmla="*/ 1110117 w 1597949"/>
                <a:gd name="connsiteY11" fmla="*/ 4931 h 254396"/>
                <a:gd name="connsiteX12" fmla="*/ 1110117 w 1597949"/>
                <a:gd name="connsiteY12" fmla="*/ 49052 h 254396"/>
                <a:gd name="connsiteX13" fmla="*/ 1001367 w 1597949"/>
                <a:gd name="connsiteY13" fmla="*/ 49052 h 254396"/>
                <a:gd name="connsiteX14" fmla="*/ 1001367 w 1597949"/>
                <a:gd name="connsiteY14" fmla="*/ 104015 h 254396"/>
                <a:gd name="connsiteX15" fmla="*/ 1096013 w 1597949"/>
                <a:gd name="connsiteY15" fmla="*/ 104015 h 254396"/>
                <a:gd name="connsiteX16" fmla="*/ 1096013 w 1597949"/>
                <a:gd name="connsiteY16" fmla="*/ 144771 h 254396"/>
                <a:gd name="connsiteX17" fmla="*/ 1001367 w 1597949"/>
                <a:gd name="connsiteY17" fmla="*/ 144771 h 254396"/>
                <a:gd name="connsiteX18" fmla="*/ 1001367 w 1597949"/>
                <a:gd name="connsiteY18" fmla="*/ 202725 h 254396"/>
                <a:gd name="connsiteX19" fmla="*/ 1112716 w 1597949"/>
                <a:gd name="connsiteY19" fmla="*/ 202725 h 254396"/>
                <a:gd name="connsiteX20" fmla="*/ 1112716 w 1597949"/>
                <a:gd name="connsiteY20" fmla="*/ 249463 h 254396"/>
                <a:gd name="connsiteX21" fmla="*/ 936042 w 1597949"/>
                <a:gd name="connsiteY21" fmla="*/ 249463 h 254396"/>
                <a:gd name="connsiteX22" fmla="*/ 577034 w 1597949"/>
                <a:gd name="connsiteY22" fmla="*/ 4931 h 254396"/>
                <a:gd name="connsiteX23" fmla="*/ 665266 w 1597949"/>
                <a:gd name="connsiteY23" fmla="*/ 4931 h 254396"/>
                <a:gd name="connsiteX24" fmla="*/ 725949 w 1597949"/>
                <a:gd name="connsiteY24" fmla="*/ 160843 h 254396"/>
                <a:gd name="connsiteX25" fmla="*/ 789611 w 1597949"/>
                <a:gd name="connsiteY25" fmla="*/ 4931 h 254396"/>
                <a:gd name="connsiteX26" fmla="*/ 873375 w 1597949"/>
                <a:gd name="connsiteY26" fmla="*/ 4931 h 254396"/>
                <a:gd name="connsiteX27" fmla="*/ 873375 w 1597949"/>
                <a:gd name="connsiteY27" fmla="*/ 248870 h 254396"/>
                <a:gd name="connsiteX28" fmla="*/ 808225 w 1597949"/>
                <a:gd name="connsiteY28" fmla="*/ 248870 h 254396"/>
                <a:gd name="connsiteX29" fmla="*/ 808225 w 1597949"/>
                <a:gd name="connsiteY29" fmla="*/ 75800 h 254396"/>
                <a:gd name="connsiteX30" fmla="*/ 737118 w 1597949"/>
                <a:gd name="connsiteY30" fmla="*/ 251108 h 254396"/>
                <a:gd name="connsiteX31" fmla="*/ 694677 w 1597949"/>
                <a:gd name="connsiteY31" fmla="*/ 251108 h 254396"/>
                <a:gd name="connsiteX32" fmla="*/ 625059 w 1597949"/>
                <a:gd name="connsiteY32" fmla="*/ 75800 h 254396"/>
                <a:gd name="connsiteX33" fmla="*/ 625059 w 1597949"/>
                <a:gd name="connsiteY33" fmla="*/ 248870 h 254396"/>
                <a:gd name="connsiteX34" fmla="*/ 577034 w 1597949"/>
                <a:gd name="connsiteY34" fmla="*/ 248870 h 254396"/>
                <a:gd name="connsiteX35" fmla="*/ 355729 w 1597949"/>
                <a:gd name="connsiteY35" fmla="*/ 4931 h 254396"/>
                <a:gd name="connsiteX36" fmla="*/ 530170 w 1597949"/>
                <a:gd name="connsiteY36" fmla="*/ 4931 h 254396"/>
                <a:gd name="connsiteX37" fmla="*/ 530170 w 1597949"/>
                <a:gd name="connsiteY37" fmla="*/ 49052 h 254396"/>
                <a:gd name="connsiteX38" fmla="*/ 420819 w 1597949"/>
                <a:gd name="connsiteY38" fmla="*/ 49052 h 254396"/>
                <a:gd name="connsiteX39" fmla="*/ 420819 w 1597949"/>
                <a:gd name="connsiteY39" fmla="*/ 104015 h 254396"/>
                <a:gd name="connsiteX40" fmla="*/ 516036 w 1597949"/>
                <a:gd name="connsiteY40" fmla="*/ 104015 h 254396"/>
                <a:gd name="connsiteX41" fmla="*/ 516036 w 1597949"/>
                <a:gd name="connsiteY41" fmla="*/ 144771 h 254396"/>
                <a:gd name="connsiteX42" fmla="*/ 420819 w 1597949"/>
                <a:gd name="connsiteY42" fmla="*/ 144771 h 254396"/>
                <a:gd name="connsiteX43" fmla="*/ 420819 w 1597949"/>
                <a:gd name="connsiteY43" fmla="*/ 202725 h 254396"/>
                <a:gd name="connsiteX44" fmla="*/ 532402 w 1597949"/>
                <a:gd name="connsiteY44" fmla="*/ 202725 h 254396"/>
                <a:gd name="connsiteX45" fmla="*/ 532402 w 1597949"/>
                <a:gd name="connsiteY45" fmla="*/ 249463 h 254396"/>
                <a:gd name="connsiteX46" fmla="*/ 355729 w 1597949"/>
                <a:gd name="connsiteY46" fmla="*/ 249463 h 254396"/>
                <a:gd name="connsiteX47" fmla="*/ 226224 w 1597949"/>
                <a:gd name="connsiteY47" fmla="*/ 4931 h 254396"/>
                <a:gd name="connsiteX48" fmla="*/ 293068 w 1597949"/>
                <a:gd name="connsiteY48" fmla="*/ 4931 h 254396"/>
                <a:gd name="connsiteX49" fmla="*/ 293068 w 1597949"/>
                <a:gd name="connsiteY49" fmla="*/ 249464 h 254396"/>
                <a:gd name="connsiteX50" fmla="*/ 259646 w 1597949"/>
                <a:gd name="connsiteY50" fmla="*/ 249464 h 254396"/>
                <a:gd name="connsiteX51" fmla="*/ 226224 w 1597949"/>
                <a:gd name="connsiteY51" fmla="*/ 249464 h 254396"/>
                <a:gd name="connsiteX52" fmla="*/ 1509330 w 1597949"/>
                <a:gd name="connsiteY52" fmla="*/ 0 h 254396"/>
                <a:gd name="connsiteX53" fmla="*/ 1573106 w 1597949"/>
                <a:gd name="connsiteY53" fmla="*/ 7806 h 254396"/>
                <a:gd name="connsiteX54" fmla="*/ 1579039 w 1597949"/>
                <a:gd name="connsiteY54" fmla="*/ 8921 h 254396"/>
                <a:gd name="connsiteX55" fmla="*/ 1579039 w 1597949"/>
                <a:gd name="connsiteY55" fmla="*/ 55011 h 254396"/>
                <a:gd name="connsiteX56" fmla="*/ 1516004 w 1597949"/>
                <a:gd name="connsiteY56" fmla="*/ 41630 h 254396"/>
                <a:gd name="connsiteX57" fmla="*/ 1475217 w 1597949"/>
                <a:gd name="connsiteY57" fmla="*/ 63932 h 254396"/>
                <a:gd name="connsiteX58" fmla="*/ 1483745 w 1597949"/>
                <a:gd name="connsiteY58" fmla="*/ 78056 h 254396"/>
                <a:gd name="connsiteX59" fmla="*/ 1521195 w 1597949"/>
                <a:gd name="connsiteY59" fmla="*/ 96641 h 254396"/>
                <a:gd name="connsiteX60" fmla="*/ 1580522 w 1597949"/>
                <a:gd name="connsiteY60" fmla="*/ 130837 h 254396"/>
                <a:gd name="connsiteX61" fmla="*/ 1597949 w 1597949"/>
                <a:gd name="connsiteY61" fmla="*/ 175812 h 254396"/>
                <a:gd name="connsiteX62" fmla="*/ 1563466 w 1597949"/>
                <a:gd name="connsiteY62" fmla="*/ 236027 h 254396"/>
                <a:gd name="connsiteX63" fmla="*/ 1491532 w 1597949"/>
                <a:gd name="connsiteY63" fmla="*/ 252753 h 254396"/>
                <a:gd name="connsiteX64" fmla="*/ 1415890 w 1597949"/>
                <a:gd name="connsiteY64" fmla="*/ 243833 h 254396"/>
                <a:gd name="connsiteX65" fmla="*/ 1415890 w 1597949"/>
                <a:gd name="connsiteY65" fmla="*/ 195884 h 254396"/>
                <a:gd name="connsiteX66" fmla="*/ 1488565 w 1597949"/>
                <a:gd name="connsiteY66" fmla="*/ 208893 h 254396"/>
                <a:gd name="connsiteX67" fmla="*/ 1532319 w 1597949"/>
                <a:gd name="connsiteY67" fmla="*/ 186220 h 254396"/>
                <a:gd name="connsiteX68" fmla="*/ 1526386 w 1597949"/>
                <a:gd name="connsiteY68" fmla="*/ 171724 h 254396"/>
                <a:gd name="connsiteX69" fmla="*/ 1493015 w 1597949"/>
                <a:gd name="connsiteY69" fmla="*/ 154254 h 254396"/>
                <a:gd name="connsiteX70" fmla="*/ 1430351 w 1597949"/>
                <a:gd name="connsiteY70" fmla="*/ 120430 h 254396"/>
                <a:gd name="connsiteX71" fmla="*/ 1411440 w 1597949"/>
                <a:gd name="connsiteY71" fmla="*/ 73596 h 254396"/>
                <a:gd name="connsiteX72" fmla="*/ 1438879 w 1597949"/>
                <a:gd name="connsiteY72" fmla="*/ 18957 h 254396"/>
                <a:gd name="connsiteX73" fmla="*/ 1509330 w 1597949"/>
                <a:gd name="connsiteY73" fmla="*/ 0 h 254396"/>
                <a:gd name="connsiteX74" fmla="*/ 97518 w 1597949"/>
                <a:gd name="connsiteY74" fmla="*/ 0 h 254396"/>
                <a:gd name="connsiteX75" fmla="*/ 166857 w 1597949"/>
                <a:gd name="connsiteY75" fmla="*/ 8966 h 254396"/>
                <a:gd name="connsiteX76" fmla="*/ 166857 w 1597949"/>
                <a:gd name="connsiteY76" fmla="*/ 55661 h 254396"/>
                <a:gd name="connsiteX77" fmla="*/ 104564 w 1597949"/>
                <a:gd name="connsiteY77" fmla="*/ 42213 h 254396"/>
                <a:gd name="connsiteX78" fmla="*/ 64147 w 1597949"/>
                <a:gd name="connsiteY78" fmla="*/ 64626 h 254396"/>
                <a:gd name="connsiteX79" fmla="*/ 72675 w 1597949"/>
                <a:gd name="connsiteY79" fmla="*/ 78448 h 254396"/>
                <a:gd name="connsiteX80" fmla="*/ 109755 w 1597949"/>
                <a:gd name="connsiteY80" fmla="*/ 97126 h 254396"/>
                <a:gd name="connsiteX81" fmla="*/ 169082 w 1597949"/>
                <a:gd name="connsiteY81" fmla="*/ 131494 h 254396"/>
                <a:gd name="connsiteX82" fmla="*/ 186509 w 1597949"/>
                <a:gd name="connsiteY82" fmla="*/ 176695 h 254396"/>
                <a:gd name="connsiteX83" fmla="*/ 152025 w 1597949"/>
                <a:gd name="connsiteY83" fmla="*/ 237212 h 254396"/>
                <a:gd name="connsiteX84" fmla="*/ 80462 w 1597949"/>
                <a:gd name="connsiteY84" fmla="*/ 254396 h 254396"/>
                <a:gd name="connsiteX85" fmla="*/ 4820 w 1597949"/>
                <a:gd name="connsiteY85" fmla="*/ 244683 h 254396"/>
                <a:gd name="connsiteX86" fmla="*/ 4820 w 1597949"/>
                <a:gd name="connsiteY86" fmla="*/ 196494 h 254396"/>
                <a:gd name="connsiteX87" fmla="*/ 77496 w 1597949"/>
                <a:gd name="connsiteY87" fmla="*/ 209568 h 254396"/>
                <a:gd name="connsiteX88" fmla="*/ 120878 w 1597949"/>
                <a:gd name="connsiteY88" fmla="*/ 186781 h 254396"/>
                <a:gd name="connsiteX89" fmla="*/ 114204 w 1597949"/>
                <a:gd name="connsiteY89" fmla="*/ 172212 h 254396"/>
                <a:gd name="connsiteX90" fmla="*/ 81574 w 1597949"/>
                <a:gd name="connsiteY90" fmla="*/ 154655 h 254396"/>
                <a:gd name="connsiteX91" fmla="*/ 18910 w 1597949"/>
                <a:gd name="connsiteY91" fmla="*/ 120661 h 254396"/>
                <a:gd name="connsiteX92" fmla="*/ 0 w 1597949"/>
                <a:gd name="connsiteY92" fmla="*/ 73965 h 254396"/>
                <a:gd name="connsiteX93" fmla="*/ 27438 w 1597949"/>
                <a:gd name="connsiteY93" fmla="*/ 19052 h 254396"/>
                <a:gd name="connsiteX94" fmla="*/ 97518 w 1597949"/>
                <a:gd name="connsiteY94" fmla="*/ 0 h 25439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1597949" h="254396">
                  <a:moveTo>
                    <a:pt x="1157347" y="4931"/>
                  </a:moveTo>
                  <a:lnTo>
                    <a:pt x="1235941" y="4931"/>
                  </a:lnTo>
                  <a:lnTo>
                    <a:pt x="1319354" y="168700"/>
                  </a:lnTo>
                  <a:lnTo>
                    <a:pt x="1319354" y="4931"/>
                  </a:lnTo>
                  <a:lnTo>
                    <a:pt x="1366807" y="4931"/>
                  </a:lnTo>
                  <a:lnTo>
                    <a:pt x="1366807" y="249463"/>
                  </a:lnTo>
                  <a:lnTo>
                    <a:pt x="1291179" y="249463"/>
                  </a:lnTo>
                  <a:lnTo>
                    <a:pt x="1205170" y="83451"/>
                  </a:lnTo>
                  <a:lnTo>
                    <a:pt x="1205170" y="249463"/>
                  </a:lnTo>
                  <a:lnTo>
                    <a:pt x="1157347" y="249463"/>
                  </a:lnTo>
                  <a:close/>
                  <a:moveTo>
                    <a:pt x="936042" y="4931"/>
                  </a:moveTo>
                  <a:lnTo>
                    <a:pt x="1110117" y="4931"/>
                  </a:lnTo>
                  <a:lnTo>
                    <a:pt x="1110117" y="49052"/>
                  </a:lnTo>
                  <a:lnTo>
                    <a:pt x="1001367" y="49052"/>
                  </a:lnTo>
                  <a:lnTo>
                    <a:pt x="1001367" y="104015"/>
                  </a:lnTo>
                  <a:lnTo>
                    <a:pt x="1096013" y="104015"/>
                  </a:lnTo>
                  <a:lnTo>
                    <a:pt x="1096013" y="144771"/>
                  </a:lnTo>
                  <a:lnTo>
                    <a:pt x="1001367" y="144771"/>
                  </a:lnTo>
                  <a:lnTo>
                    <a:pt x="1001367" y="202725"/>
                  </a:lnTo>
                  <a:lnTo>
                    <a:pt x="1112716" y="202725"/>
                  </a:lnTo>
                  <a:lnTo>
                    <a:pt x="1112716" y="249463"/>
                  </a:lnTo>
                  <a:lnTo>
                    <a:pt x="936042" y="249463"/>
                  </a:lnTo>
                  <a:close/>
                  <a:moveTo>
                    <a:pt x="577034" y="4931"/>
                  </a:moveTo>
                  <a:lnTo>
                    <a:pt x="665266" y="4931"/>
                  </a:lnTo>
                  <a:lnTo>
                    <a:pt x="725949" y="160843"/>
                  </a:lnTo>
                  <a:lnTo>
                    <a:pt x="789611" y="4931"/>
                  </a:lnTo>
                  <a:lnTo>
                    <a:pt x="873375" y="4931"/>
                  </a:lnTo>
                  <a:lnTo>
                    <a:pt x="873375" y="248870"/>
                  </a:lnTo>
                  <a:lnTo>
                    <a:pt x="808225" y="248870"/>
                  </a:lnTo>
                  <a:lnTo>
                    <a:pt x="808225" y="75800"/>
                  </a:lnTo>
                  <a:lnTo>
                    <a:pt x="737118" y="251108"/>
                  </a:lnTo>
                  <a:lnTo>
                    <a:pt x="694677" y="251108"/>
                  </a:lnTo>
                  <a:lnTo>
                    <a:pt x="625059" y="75800"/>
                  </a:lnTo>
                  <a:lnTo>
                    <a:pt x="625059" y="248870"/>
                  </a:lnTo>
                  <a:lnTo>
                    <a:pt x="577034" y="248870"/>
                  </a:lnTo>
                  <a:close/>
                  <a:moveTo>
                    <a:pt x="355729" y="4931"/>
                  </a:moveTo>
                  <a:lnTo>
                    <a:pt x="530170" y="4931"/>
                  </a:lnTo>
                  <a:lnTo>
                    <a:pt x="530170" y="49052"/>
                  </a:lnTo>
                  <a:lnTo>
                    <a:pt x="420819" y="49052"/>
                  </a:lnTo>
                  <a:lnTo>
                    <a:pt x="420819" y="104015"/>
                  </a:lnTo>
                  <a:lnTo>
                    <a:pt x="516036" y="104015"/>
                  </a:lnTo>
                  <a:lnTo>
                    <a:pt x="516036" y="144771"/>
                  </a:lnTo>
                  <a:lnTo>
                    <a:pt x="420819" y="144771"/>
                  </a:lnTo>
                  <a:lnTo>
                    <a:pt x="420819" y="202725"/>
                  </a:lnTo>
                  <a:lnTo>
                    <a:pt x="532402" y="202725"/>
                  </a:lnTo>
                  <a:lnTo>
                    <a:pt x="532402" y="249463"/>
                  </a:lnTo>
                  <a:lnTo>
                    <a:pt x="355729" y="249463"/>
                  </a:lnTo>
                  <a:close/>
                  <a:moveTo>
                    <a:pt x="226224" y="4931"/>
                  </a:moveTo>
                  <a:lnTo>
                    <a:pt x="293068" y="4931"/>
                  </a:lnTo>
                  <a:lnTo>
                    <a:pt x="293068" y="249464"/>
                  </a:lnTo>
                  <a:lnTo>
                    <a:pt x="259646" y="249464"/>
                  </a:lnTo>
                  <a:lnTo>
                    <a:pt x="226224" y="249464"/>
                  </a:lnTo>
                  <a:close/>
                  <a:moveTo>
                    <a:pt x="1509330" y="0"/>
                  </a:moveTo>
                  <a:cubicBezTo>
                    <a:pt x="1525645" y="0"/>
                    <a:pt x="1546780" y="2230"/>
                    <a:pt x="1573106" y="7806"/>
                  </a:cubicBezTo>
                  <a:lnTo>
                    <a:pt x="1579039" y="8921"/>
                  </a:lnTo>
                  <a:lnTo>
                    <a:pt x="1579039" y="55011"/>
                  </a:lnTo>
                  <a:cubicBezTo>
                    <a:pt x="1556421" y="46090"/>
                    <a:pt x="1535285" y="41630"/>
                    <a:pt x="1516004" y="41630"/>
                  </a:cubicBezTo>
                  <a:cubicBezTo>
                    <a:pt x="1488565" y="41630"/>
                    <a:pt x="1475217" y="49064"/>
                    <a:pt x="1475217" y="63932"/>
                  </a:cubicBezTo>
                  <a:cubicBezTo>
                    <a:pt x="1475217" y="69507"/>
                    <a:pt x="1477812" y="73968"/>
                    <a:pt x="1483745" y="78056"/>
                  </a:cubicBezTo>
                  <a:cubicBezTo>
                    <a:pt x="1488195" y="81030"/>
                    <a:pt x="1500431" y="86977"/>
                    <a:pt x="1521195" y="96641"/>
                  </a:cubicBezTo>
                  <a:cubicBezTo>
                    <a:pt x="1550488" y="109279"/>
                    <a:pt x="1570511" y="120801"/>
                    <a:pt x="1580522" y="130837"/>
                  </a:cubicBezTo>
                  <a:cubicBezTo>
                    <a:pt x="1592017" y="142360"/>
                    <a:pt x="1597949" y="157228"/>
                    <a:pt x="1597949" y="175812"/>
                  </a:cubicBezTo>
                  <a:cubicBezTo>
                    <a:pt x="1597949" y="202203"/>
                    <a:pt x="1586455" y="221903"/>
                    <a:pt x="1563466" y="236027"/>
                  </a:cubicBezTo>
                  <a:cubicBezTo>
                    <a:pt x="1544555" y="247178"/>
                    <a:pt x="1520824" y="252753"/>
                    <a:pt x="1491532" y="252753"/>
                  </a:cubicBezTo>
                  <a:cubicBezTo>
                    <a:pt x="1466689" y="252753"/>
                    <a:pt x="1441475" y="249780"/>
                    <a:pt x="1415890" y="243833"/>
                  </a:cubicBezTo>
                  <a:lnTo>
                    <a:pt x="1415890" y="195884"/>
                  </a:lnTo>
                  <a:cubicBezTo>
                    <a:pt x="1442958" y="204433"/>
                    <a:pt x="1467059" y="208893"/>
                    <a:pt x="1488565" y="208893"/>
                  </a:cubicBezTo>
                  <a:cubicBezTo>
                    <a:pt x="1517487" y="208893"/>
                    <a:pt x="1532319" y="201459"/>
                    <a:pt x="1532319" y="186220"/>
                  </a:cubicBezTo>
                  <a:cubicBezTo>
                    <a:pt x="1532319" y="180273"/>
                    <a:pt x="1530465" y="175812"/>
                    <a:pt x="1526386" y="171724"/>
                  </a:cubicBezTo>
                  <a:cubicBezTo>
                    <a:pt x="1521937" y="167635"/>
                    <a:pt x="1510813" y="161688"/>
                    <a:pt x="1493015" y="154254"/>
                  </a:cubicBezTo>
                  <a:cubicBezTo>
                    <a:pt x="1461127" y="141245"/>
                    <a:pt x="1440362" y="129722"/>
                    <a:pt x="1430351" y="120430"/>
                  </a:cubicBezTo>
                  <a:cubicBezTo>
                    <a:pt x="1418115" y="108535"/>
                    <a:pt x="1411440" y="92552"/>
                    <a:pt x="1411440" y="73596"/>
                  </a:cubicBezTo>
                  <a:cubicBezTo>
                    <a:pt x="1411440" y="49807"/>
                    <a:pt x="1420339" y="31223"/>
                    <a:pt x="1438879" y="18957"/>
                  </a:cubicBezTo>
                  <a:cubicBezTo>
                    <a:pt x="1456677" y="6319"/>
                    <a:pt x="1480779" y="0"/>
                    <a:pt x="1509330" y="0"/>
                  </a:cubicBezTo>
                  <a:close/>
                  <a:moveTo>
                    <a:pt x="97518" y="0"/>
                  </a:moveTo>
                  <a:cubicBezTo>
                    <a:pt x="113463" y="0"/>
                    <a:pt x="136823" y="2989"/>
                    <a:pt x="166857" y="8966"/>
                  </a:cubicBezTo>
                  <a:lnTo>
                    <a:pt x="166857" y="55661"/>
                  </a:lnTo>
                  <a:cubicBezTo>
                    <a:pt x="144609" y="46695"/>
                    <a:pt x="123845" y="42213"/>
                    <a:pt x="104564" y="42213"/>
                  </a:cubicBezTo>
                  <a:cubicBezTo>
                    <a:pt x="77496" y="42213"/>
                    <a:pt x="64147" y="49684"/>
                    <a:pt x="64147" y="64626"/>
                  </a:cubicBezTo>
                  <a:cubicBezTo>
                    <a:pt x="64147" y="70230"/>
                    <a:pt x="67113" y="74712"/>
                    <a:pt x="72675" y="78448"/>
                  </a:cubicBezTo>
                  <a:cubicBezTo>
                    <a:pt x="77125" y="81437"/>
                    <a:pt x="89732" y="87414"/>
                    <a:pt x="109755" y="97126"/>
                  </a:cubicBezTo>
                  <a:cubicBezTo>
                    <a:pt x="139789" y="110201"/>
                    <a:pt x="159441" y="121408"/>
                    <a:pt x="169082" y="131494"/>
                  </a:cubicBezTo>
                  <a:cubicBezTo>
                    <a:pt x="180947" y="142701"/>
                    <a:pt x="186509" y="158017"/>
                    <a:pt x="186509" y="176695"/>
                  </a:cubicBezTo>
                  <a:cubicBezTo>
                    <a:pt x="186509" y="203218"/>
                    <a:pt x="175014" y="223016"/>
                    <a:pt x="152025" y="237212"/>
                  </a:cubicBezTo>
                  <a:cubicBezTo>
                    <a:pt x="133856" y="248792"/>
                    <a:pt x="109384" y="254396"/>
                    <a:pt x="80462" y="254396"/>
                  </a:cubicBezTo>
                  <a:cubicBezTo>
                    <a:pt x="55619" y="253648"/>
                    <a:pt x="30405" y="250660"/>
                    <a:pt x="4820" y="244683"/>
                  </a:cubicBezTo>
                  <a:lnTo>
                    <a:pt x="4820" y="196494"/>
                  </a:lnTo>
                  <a:cubicBezTo>
                    <a:pt x="32259" y="205085"/>
                    <a:pt x="56731" y="209568"/>
                    <a:pt x="77496" y="209568"/>
                  </a:cubicBezTo>
                  <a:cubicBezTo>
                    <a:pt x="106047" y="209568"/>
                    <a:pt x="120878" y="202097"/>
                    <a:pt x="120878" y="186781"/>
                  </a:cubicBezTo>
                  <a:cubicBezTo>
                    <a:pt x="120878" y="180804"/>
                    <a:pt x="119025" y="176321"/>
                    <a:pt x="114204" y="172212"/>
                  </a:cubicBezTo>
                  <a:cubicBezTo>
                    <a:pt x="109755" y="168103"/>
                    <a:pt x="99002" y="162126"/>
                    <a:pt x="81574" y="154655"/>
                  </a:cubicBezTo>
                  <a:cubicBezTo>
                    <a:pt x="49686" y="141580"/>
                    <a:pt x="28922" y="130000"/>
                    <a:pt x="18910" y="120661"/>
                  </a:cubicBezTo>
                  <a:cubicBezTo>
                    <a:pt x="6303" y="107959"/>
                    <a:pt x="0" y="92643"/>
                    <a:pt x="0" y="73965"/>
                  </a:cubicBezTo>
                  <a:cubicBezTo>
                    <a:pt x="0" y="50057"/>
                    <a:pt x="8899" y="31379"/>
                    <a:pt x="27438" y="19052"/>
                  </a:cubicBezTo>
                  <a:cubicBezTo>
                    <a:pt x="45237" y="6351"/>
                    <a:pt x="68967" y="0"/>
                    <a:pt x="97518" y="0"/>
                  </a:cubicBezTo>
                  <a:close/>
                </a:path>
              </a:pathLst>
            </a:custGeom>
            <a:grpFill/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1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"/>
                <a:cs typeface=""/>
              </a:endParaRPr>
            </a:p>
          </p:txBody>
        </p:sp>
        <p:sp>
          <p:nvSpPr>
            <p:cNvPr id="152" name="Freihandform 151"/>
            <p:cNvSpPr>
              <a:spLocks noChangeAspect="1" noChangeArrowheads="1"/>
            </p:cNvSpPr>
            <p:nvPr/>
          </p:nvSpPr>
          <p:spPr bwMode="auto">
            <a:xfrm>
              <a:off x="10291931" y="542152"/>
              <a:ext cx="1333713" cy="184362"/>
            </a:xfrm>
            <a:custGeom>
              <a:avLst/>
              <a:gdLst>
                <a:gd name="connsiteX0" fmla="*/ 561040 w 2292197"/>
                <a:gd name="connsiteY0" fmla="*/ 133276 h 316856"/>
                <a:gd name="connsiteX1" fmla="*/ 514756 w 2292197"/>
                <a:gd name="connsiteY1" fmla="*/ 208959 h 316856"/>
                <a:gd name="connsiteX2" fmla="*/ 553264 w 2292197"/>
                <a:gd name="connsiteY2" fmla="*/ 272711 h 316856"/>
                <a:gd name="connsiteX3" fmla="*/ 587329 w 2292197"/>
                <a:gd name="connsiteY3" fmla="*/ 241394 h 316856"/>
                <a:gd name="connsiteX4" fmla="*/ 587329 w 2292197"/>
                <a:gd name="connsiteY4" fmla="*/ 137750 h 316856"/>
                <a:gd name="connsiteX5" fmla="*/ 561040 w 2292197"/>
                <a:gd name="connsiteY5" fmla="*/ 133276 h 316856"/>
                <a:gd name="connsiteX6" fmla="*/ 1864005 w 2292197"/>
                <a:gd name="connsiteY6" fmla="*/ 131508 h 316856"/>
                <a:gd name="connsiteX7" fmla="*/ 1819277 w 2292197"/>
                <a:gd name="connsiteY7" fmla="*/ 188681 h 316856"/>
                <a:gd name="connsiteX8" fmla="*/ 1885623 w 2292197"/>
                <a:gd name="connsiteY8" fmla="*/ 152434 h 316856"/>
                <a:gd name="connsiteX9" fmla="*/ 1864005 w 2292197"/>
                <a:gd name="connsiteY9" fmla="*/ 131508 h 316856"/>
                <a:gd name="connsiteX10" fmla="*/ 1660732 w 2292197"/>
                <a:gd name="connsiteY10" fmla="*/ 131508 h 316856"/>
                <a:gd name="connsiteX11" fmla="*/ 1615632 w 2292197"/>
                <a:gd name="connsiteY11" fmla="*/ 188681 h 316856"/>
                <a:gd name="connsiteX12" fmla="*/ 1681977 w 2292197"/>
                <a:gd name="connsiteY12" fmla="*/ 152434 h 316856"/>
                <a:gd name="connsiteX13" fmla="*/ 1660732 w 2292197"/>
                <a:gd name="connsiteY13" fmla="*/ 131508 h 316856"/>
                <a:gd name="connsiteX14" fmla="*/ 351674 w 2292197"/>
                <a:gd name="connsiteY14" fmla="*/ 131508 h 316856"/>
                <a:gd name="connsiteX15" fmla="*/ 306574 w 2292197"/>
                <a:gd name="connsiteY15" fmla="*/ 188681 h 316856"/>
                <a:gd name="connsiteX16" fmla="*/ 372919 w 2292197"/>
                <a:gd name="connsiteY16" fmla="*/ 152434 h 316856"/>
                <a:gd name="connsiteX17" fmla="*/ 351674 w 2292197"/>
                <a:gd name="connsiteY17" fmla="*/ 131508 h 316856"/>
                <a:gd name="connsiteX18" fmla="*/ 1234395 w 2292197"/>
                <a:gd name="connsiteY18" fmla="*/ 96976 h 316856"/>
                <a:gd name="connsiteX19" fmla="*/ 1293037 w 2292197"/>
                <a:gd name="connsiteY19" fmla="*/ 96976 h 316856"/>
                <a:gd name="connsiteX20" fmla="*/ 1293037 w 2292197"/>
                <a:gd name="connsiteY20" fmla="*/ 310280 h 316856"/>
                <a:gd name="connsiteX21" fmla="*/ 1263529 w 2292197"/>
                <a:gd name="connsiteY21" fmla="*/ 310280 h 316856"/>
                <a:gd name="connsiteX22" fmla="*/ 1234395 w 2292197"/>
                <a:gd name="connsiteY22" fmla="*/ 310280 h 316856"/>
                <a:gd name="connsiteX23" fmla="*/ 2081174 w 2292197"/>
                <a:gd name="connsiteY23" fmla="*/ 90402 h 316856"/>
                <a:gd name="connsiteX24" fmla="*/ 2115969 w 2292197"/>
                <a:gd name="connsiteY24" fmla="*/ 97838 h 316856"/>
                <a:gd name="connsiteX25" fmla="*/ 2105604 w 2292197"/>
                <a:gd name="connsiteY25" fmla="*/ 148028 h 316856"/>
                <a:gd name="connsiteX26" fmla="*/ 2075991 w 2292197"/>
                <a:gd name="connsiteY26" fmla="*/ 140593 h 316856"/>
                <a:gd name="connsiteX27" fmla="*/ 2040826 w 2292197"/>
                <a:gd name="connsiteY27" fmla="*/ 176656 h 316856"/>
                <a:gd name="connsiteX28" fmla="*/ 2040826 w 2292197"/>
                <a:gd name="connsiteY28" fmla="*/ 308638 h 316856"/>
                <a:gd name="connsiteX29" fmla="*/ 1982710 w 2292197"/>
                <a:gd name="connsiteY29" fmla="*/ 308638 h 316856"/>
                <a:gd name="connsiteX30" fmla="*/ 1982710 w 2292197"/>
                <a:gd name="connsiteY30" fmla="*/ 133157 h 316856"/>
                <a:gd name="connsiteX31" fmla="*/ 1978638 w 2292197"/>
                <a:gd name="connsiteY31" fmla="*/ 96351 h 316856"/>
                <a:gd name="connsiteX32" fmla="*/ 2025649 w 2292197"/>
                <a:gd name="connsiteY32" fmla="*/ 96351 h 316856"/>
                <a:gd name="connsiteX33" fmla="*/ 2031202 w 2292197"/>
                <a:gd name="connsiteY33" fmla="*/ 126837 h 316856"/>
                <a:gd name="connsiteX34" fmla="*/ 2081174 w 2292197"/>
                <a:gd name="connsiteY34" fmla="*/ 90402 h 316856"/>
                <a:gd name="connsiteX35" fmla="*/ 1866986 w 2292197"/>
                <a:gd name="connsiteY35" fmla="*/ 90402 h 316856"/>
                <a:gd name="connsiteX36" fmla="*/ 1937059 w 2292197"/>
                <a:gd name="connsiteY36" fmla="*/ 152060 h 316856"/>
                <a:gd name="connsiteX37" fmla="*/ 1821141 w 2292197"/>
                <a:gd name="connsiteY37" fmla="*/ 230534 h 316856"/>
                <a:gd name="connsiteX38" fmla="*/ 1869595 w 2292197"/>
                <a:gd name="connsiteY38" fmla="*/ 272013 h 316856"/>
                <a:gd name="connsiteX39" fmla="*/ 1922150 w 2292197"/>
                <a:gd name="connsiteY39" fmla="*/ 254076 h 316856"/>
                <a:gd name="connsiteX40" fmla="*/ 1938923 w 2292197"/>
                <a:gd name="connsiteY40" fmla="*/ 293313 h 316856"/>
                <a:gd name="connsiteX41" fmla="*/ 1862141 w 2292197"/>
                <a:gd name="connsiteY41" fmla="*/ 316855 h 316856"/>
                <a:gd name="connsiteX42" fmla="*/ 1762250 w 2292197"/>
                <a:gd name="connsiteY42" fmla="*/ 208487 h 316856"/>
                <a:gd name="connsiteX43" fmla="*/ 1866986 w 2292197"/>
                <a:gd name="connsiteY43" fmla="*/ 90402 h 316856"/>
                <a:gd name="connsiteX44" fmla="*/ 1663713 w 2292197"/>
                <a:gd name="connsiteY44" fmla="*/ 90402 h 316856"/>
                <a:gd name="connsiteX45" fmla="*/ 1733413 w 2292197"/>
                <a:gd name="connsiteY45" fmla="*/ 152060 h 316856"/>
                <a:gd name="connsiteX46" fmla="*/ 1617868 w 2292197"/>
                <a:gd name="connsiteY46" fmla="*/ 230534 h 316856"/>
                <a:gd name="connsiteX47" fmla="*/ 1666322 w 2292197"/>
                <a:gd name="connsiteY47" fmla="*/ 272013 h 316856"/>
                <a:gd name="connsiteX48" fmla="*/ 1718504 w 2292197"/>
                <a:gd name="connsiteY48" fmla="*/ 254076 h 316856"/>
                <a:gd name="connsiteX49" fmla="*/ 1735650 w 2292197"/>
                <a:gd name="connsiteY49" fmla="*/ 293313 h 316856"/>
                <a:gd name="connsiteX50" fmla="*/ 1658495 w 2292197"/>
                <a:gd name="connsiteY50" fmla="*/ 316855 h 316856"/>
                <a:gd name="connsiteX51" fmla="*/ 1558977 w 2292197"/>
                <a:gd name="connsiteY51" fmla="*/ 208487 h 316856"/>
                <a:gd name="connsiteX52" fmla="*/ 1663713 w 2292197"/>
                <a:gd name="connsiteY52" fmla="*/ 90402 h 316856"/>
                <a:gd name="connsiteX53" fmla="*/ 1457145 w 2292197"/>
                <a:gd name="connsiteY53" fmla="*/ 90402 h 316856"/>
                <a:gd name="connsiteX54" fmla="*/ 1524180 w 2292197"/>
                <a:gd name="connsiteY54" fmla="*/ 164015 h 316856"/>
                <a:gd name="connsiteX55" fmla="*/ 1524180 w 2292197"/>
                <a:gd name="connsiteY55" fmla="*/ 308638 h 316856"/>
                <a:gd name="connsiteX56" fmla="*/ 1465710 w 2292197"/>
                <a:gd name="connsiteY56" fmla="*/ 308638 h 316856"/>
                <a:gd name="connsiteX57" fmla="*/ 1465710 w 2292197"/>
                <a:gd name="connsiteY57" fmla="*/ 174797 h 316856"/>
                <a:gd name="connsiteX58" fmla="*/ 1439641 w 2292197"/>
                <a:gd name="connsiteY58" fmla="*/ 134644 h 316856"/>
                <a:gd name="connsiteX59" fmla="*/ 1403516 w 2292197"/>
                <a:gd name="connsiteY59" fmla="*/ 172566 h 316856"/>
                <a:gd name="connsiteX60" fmla="*/ 1403516 w 2292197"/>
                <a:gd name="connsiteY60" fmla="*/ 308638 h 316856"/>
                <a:gd name="connsiteX61" fmla="*/ 1345047 w 2292197"/>
                <a:gd name="connsiteY61" fmla="*/ 308638 h 316856"/>
                <a:gd name="connsiteX62" fmla="*/ 1345047 w 2292197"/>
                <a:gd name="connsiteY62" fmla="*/ 135760 h 316856"/>
                <a:gd name="connsiteX63" fmla="*/ 1340950 w 2292197"/>
                <a:gd name="connsiteY63" fmla="*/ 96351 h 316856"/>
                <a:gd name="connsiteX64" fmla="*/ 1389737 w 2292197"/>
                <a:gd name="connsiteY64" fmla="*/ 96351 h 316856"/>
                <a:gd name="connsiteX65" fmla="*/ 1393834 w 2292197"/>
                <a:gd name="connsiteY65" fmla="*/ 121632 h 316856"/>
                <a:gd name="connsiteX66" fmla="*/ 1457145 w 2292197"/>
                <a:gd name="connsiteY66" fmla="*/ 90402 h 316856"/>
                <a:gd name="connsiteX67" fmla="*/ 568075 w 2292197"/>
                <a:gd name="connsiteY67" fmla="*/ 90402 h 316856"/>
                <a:gd name="connsiteX68" fmla="*/ 644721 w 2292197"/>
                <a:gd name="connsiteY68" fmla="*/ 105688 h 316856"/>
                <a:gd name="connsiteX69" fmla="*/ 644721 w 2292197"/>
                <a:gd name="connsiteY69" fmla="*/ 266746 h 316856"/>
                <a:gd name="connsiteX70" fmla="*/ 648794 w 2292197"/>
                <a:gd name="connsiteY70" fmla="*/ 309247 h 316856"/>
                <a:gd name="connsiteX71" fmla="*/ 599178 w 2292197"/>
                <a:gd name="connsiteY71" fmla="*/ 309247 h 316856"/>
                <a:gd name="connsiteX72" fmla="*/ 596215 w 2292197"/>
                <a:gd name="connsiteY72" fmla="*/ 287624 h 316856"/>
                <a:gd name="connsiteX73" fmla="*/ 594364 w 2292197"/>
                <a:gd name="connsiteY73" fmla="*/ 287251 h 316856"/>
                <a:gd name="connsiteX74" fmla="*/ 538083 w 2292197"/>
                <a:gd name="connsiteY74" fmla="*/ 315212 h 316856"/>
                <a:gd name="connsiteX75" fmla="*/ 457365 w 2292197"/>
                <a:gd name="connsiteY75" fmla="*/ 212314 h 316856"/>
                <a:gd name="connsiteX76" fmla="*/ 568075 w 2292197"/>
                <a:gd name="connsiteY76" fmla="*/ 90402 h 316856"/>
                <a:gd name="connsiteX77" fmla="*/ 353910 w 2292197"/>
                <a:gd name="connsiteY77" fmla="*/ 90402 h 316856"/>
                <a:gd name="connsiteX78" fmla="*/ 423983 w 2292197"/>
                <a:gd name="connsiteY78" fmla="*/ 152060 h 316856"/>
                <a:gd name="connsiteX79" fmla="*/ 308065 w 2292197"/>
                <a:gd name="connsiteY79" fmla="*/ 230534 h 316856"/>
                <a:gd name="connsiteX80" fmla="*/ 356519 w 2292197"/>
                <a:gd name="connsiteY80" fmla="*/ 272013 h 316856"/>
                <a:gd name="connsiteX81" fmla="*/ 409073 w 2292197"/>
                <a:gd name="connsiteY81" fmla="*/ 254076 h 316856"/>
                <a:gd name="connsiteX82" fmla="*/ 425846 w 2292197"/>
                <a:gd name="connsiteY82" fmla="*/ 293313 h 316856"/>
                <a:gd name="connsiteX83" fmla="*/ 349065 w 2292197"/>
                <a:gd name="connsiteY83" fmla="*/ 316855 h 316856"/>
                <a:gd name="connsiteX84" fmla="*/ 249174 w 2292197"/>
                <a:gd name="connsiteY84" fmla="*/ 208487 h 316856"/>
                <a:gd name="connsiteX85" fmla="*/ 353910 w 2292197"/>
                <a:gd name="connsiteY85" fmla="*/ 90402 h 316856"/>
                <a:gd name="connsiteX86" fmla="*/ 2208041 w 2292197"/>
                <a:gd name="connsiteY86" fmla="*/ 90249 h 316856"/>
                <a:gd name="connsiteX87" fmla="*/ 2277182 w 2292197"/>
                <a:gd name="connsiteY87" fmla="*/ 108139 h 316856"/>
                <a:gd name="connsiteX88" fmla="*/ 2277182 w 2292197"/>
                <a:gd name="connsiteY88" fmla="*/ 108512 h 316856"/>
                <a:gd name="connsiteX89" fmla="*/ 2259711 w 2292197"/>
                <a:gd name="connsiteY89" fmla="*/ 148764 h 316856"/>
                <a:gd name="connsiteX90" fmla="*/ 2213245 w 2292197"/>
                <a:gd name="connsiteY90" fmla="*/ 131620 h 316856"/>
                <a:gd name="connsiteX91" fmla="*/ 2189455 w 2292197"/>
                <a:gd name="connsiteY91" fmla="*/ 152119 h 316856"/>
                <a:gd name="connsiteX92" fmla="*/ 2224025 w 2292197"/>
                <a:gd name="connsiteY92" fmla="*/ 177836 h 316856"/>
                <a:gd name="connsiteX93" fmla="*/ 2292050 w 2292197"/>
                <a:gd name="connsiteY93" fmla="*/ 238960 h 316856"/>
                <a:gd name="connsiteX94" fmla="*/ 2214360 w 2292197"/>
                <a:gd name="connsiteY94" fmla="*/ 314993 h 316856"/>
                <a:gd name="connsiteX95" fmla="*/ 2133325 w 2292197"/>
                <a:gd name="connsiteY95" fmla="*/ 297103 h 316856"/>
                <a:gd name="connsiteX96" fmla="*/ 2150796 w 2292197"/>
                <a:gd name="connsiteY96" fmla="*/ 257223 h 316856"/>
                <a:gd name="connsiteX97" fmla="*/ 2208784 w 2292197"/>
                <a:gd name="connsiteY97" fmla="*/ 272504 h 316856"/>
                <a:gd name="connsiteX98" fmla="*/ 2234433 w 2292197"/>
                <a:gd name="connsiteY98" fmla="*/ 249023 h 316856"/>
                <a:gd name="connsiteX99" fmla="*/ 2199863 w 2292197"/>
                <a:gd name="connsiteY99" fmla="*/ 224424 h 316856"/>
                <a:gd name="connsiteX100" fmla="*/ 2133325 w 2292197"/>
                <a:gd name="connsiteY100" fmla="*/ 162555 h 316856"/>
                <a:gd name="connsiteX101" fmla="*/ 2208041 w 2292197"/>
                <a:gd name="connsiteY101" fmla="*/ 90249 h 316856"/>
                <a:gd name="connsiteX102" fmla="*/ 1004892 w 2292197"/>
                <a:gd name="connsiteY102" fmla="*/ 31230 h 316856"/>
                <a:gd name="connsiteX103" fmla="*/ 1063095 w 2292197"/>
                <a:gd name="connsiteY103" fmla="*/ 31230 h 316856"/>
                <a:gd name="connsiteX104" fmla="*/ 1063095 w 2292197"/>
                <a:gd name="connsiteY104" fmla="*/ 112822 h 316856"/>
                <a:gd name="connsiteX105" fmla="*/ 1115736 w 2292197"/>
                <a:gd name="connsiteY105" fmla="*/ 90841 h 316856"/>
                <a:gd name="connsiteX106" fmla="*/ 1183207 w 2292197"/>
                <a:gd name="connsiteY106" fmla="*/ 165727 h 316856"/>
                <a:gd name="connsiteX107" fmla="*/ 1183207 w 2292197"/>
                <a:gd name="connsiteY107" fmla="*/ 310283 h 316856"/>
                <a:gd name="connsiteX108" fmla="*/ 1125004 w 2292197"/>
                <a:gd name="connsiteY108" fmla="*/ 310283 h 316856"/>
                <a:gd name="connsiteX109" fmla="*/ 1125004 w 2292197"/>
                <a:gd name="connsiteY109" fmla="*/ 174668 h 316856"/>
                <a:gd name="connsiteX110" fmla="*/ 1098313 w 2292197"/>
                <a:gd name="connsiteY110" fmla="*/ 136294 h 316856"/>
                <a:gd name="connsiteX111" fmla="*/ 1062353 w 2292197"/>
                <a:gd name="connsiteY111" fmla="*/ 173178 h 316856"/>
                <a:gd name="connsiteX112" fmla="*/ 1062353 w 2292197"/>
                <a:gd name="connsiteY112" fmla="*/ 310283 h 316856"/>
                <a:gd name="connsiteX113" fmla="*/ 1004892 w 2292197"/>
                <a:gd name="connsiteY113" fmla="*/ 310283 h 316856"/>
                <a:gd name="connsiteX114" fmla="*/ 842391 w 2292197"/>
                <a:gd name="connsiteY114" fmla="*/ 31230 h 316856"/>
                <a:gd name="connsiteX115" fmla="*/ 900136 w 2292197"/>
                <a:gd name="connsiteY115" fmla="*/ 31230 h 316856"/>
                <a:gd name="connsiteX116" fmla="*/ 900136 w 2292197"/>
                <a:gd name="connsiteY116" fmla="*/ 97603 h 316856"/>
                <a:gd name="connsiteX117" fmla="*/ 954920 w 2292197"/>
                <a:gd name="connsiteY117" fmla="*/ 97603 h 316856"/>
                <a:gd name="connsiteX118" fmla="*/ 954920 w 2292197"/>
                <a:gd name="connsiteY118" fmla="*/ 143467 h 316856"/>
                <a:gd name="connsiteX119" fmla="*/ 900877 w 2292197"/>
                <a:gd name="connsiteY119" fmla="*/ 143467 h 316856"/>
                <a:gd name="connsiteX120" fmla="*/ 900877 w 2292197"/>
                <a:gd name="connsiteY120" fmla="*/ 238551 h 316856"/>
                <a:gd name="connsiteX121" fmla="*/ 921236 w 2292197"/>
                <a:gd name="connsiteY121" fmla="*/ 270992 h 316856"/>
                <a:gd name="connsiteX122" fmla="*/ 946407 w 2292197"/>
                <a:gd name="connsiteY122" fmla="*/ 264653 h 316856"/>
                <a:gd name="connsiteX123" fmla="*/ 958622 w 2292197"/>
                <a:gd name="connsiteY123" fmla="*/ 303433 h 316856"/>
                <a:gd name="connsiteX124" fmla="*/ 905689 w 2292197"/>
                <a:gd name="connsiteY124" fmla="*/ 316856 h 316856"/>
                <a:gd name="connsiteX125" fmla="*/ 842391 w 2292197"/>
                <a:gd name="connsiteY125" fmla="*/ 247128 h 316856"/>
                <a:gd name="connsiteX126" fmla="*/ 842391 w 2292197"/>
                <a:gd name="connsiteY126" fmla="*/ 143467 h 316856"/>
                <a:gd name="connsiteX127" fmla="*/ 809816 w 2292197"/>
                <a:gd name="connsiteY127" fmla="*/ 143467 h 316856"/>
                <a:gd name="connsiteX128" fmla="*/ 809816 w 2292197"/>
                <a:gd name="connsiteY128" fmla="*/ 97603 h 316856"/>
                <a:gd name="connsiteX129" fmla="*/ 842391 w 2292197"/>
                <a:gd name="connsiteY129" fmla="*/ 97603 h 316856"/>
                <a:gd name="connsiteX130" fmla="*/ 698343 w 2292197"/>
                <a:gd name="connsiteY130" fmla="*/ 31230 h 316856"/>
                <a:gd name="connsiteX131" fmla="*/ 756722 w 2292197"/>
                <a:gd name="connsiteY131" fmla="*/ 31230 h 316856"/>
                <a:gd name="connsiteX132" fmla="*/ 756722 w 2292197"/>
                <a:gd name="connsiteY132" fmla="*/ 238449 h 316856"/>
                <a:gd name="connsiteX133" fmla="*/ 777045 w 2292197"/>
                <a:gd name="connsiteY133" fmla="*/ 270932 h 316856"/>
                <a:gd name="connsiteX134" fmla="*/ 802170 w 2292197"/>
                <a:gd name="connsiteY134" fmla="*/ 264584 h 316856"/>
                <a:gd name="connsiteX135" fmla="*/ 814364 w 2292197"/>
                <a:gd name="connsiteY135" fmla="*/ 303415 h 316856"/>
                <a:gd name="connsiteX136" fmla="*/ 761895 w 2292197"/>
                <a:gd name="connsiteY136" fmla="*/ 316856 h 316856"/>
                <a:gd name="connsiteX137" fmla="*/ 698343 w 2292197"/>
                <a:gd name="connsiteY137" fmla="*/ 247036 h 316856"/>
                <a:gd name="connsiteX138" fmla="*/ 0 w 2292197"/>
                <a:gd name="connsiteY138" fmla="*/ 31230 h 316856"/>
                <a:gd name="connsiteX139" fmla="*/ 59654 w 2292197"/>
                <a:gd name="connsiteY139" fmla="*/ 31230 h 316856"/>
                <a:gd name="connsiteX140" fmla="*/ 59654 w 2292197"/>
                <a:gd name="connsiteY140" fmla="*/ 142255 h 316856"/>
                <a:gd name="connsiteX141" fmla="*/ 145779 w 2292197"/>
                <a:gd name="connsiteY141" fmla="*/ 142255 h 316856"/>
                <a:gd name="connsiteX142" fmla="*/ 145779 w 2292197"/>
                <a:gd name="connsiteY142" fmla="*/ 31230 h 316856"/>
                <a:gd name="connsiteX143" fmla="*/ 206179 w 2292197"/>
                <a:gd name="connsiteY143" fmla="*/ 31230 h 316856"/>
                <a:gd name="connsiteX144" fmla="*/ 206179 w 2292197"/>
                <a:gd name="connsiteY144" fmla="*/ 310283 h 316856"/>
                <a:gd name="connsiteX145" fmla="*/ 145779 w 2292197"/>
                <a:gd name="connsiteY145" fmla="*/ 310283 h 316856"/>
                <a:gd name="connsiteX146" fmla="*/ 145779 w 2292197"/>
                <a:gd name="connsiteY146" fmla="*/ 194787 h 316856"/>
                <a:gd name="connsiteX147" fmla="*/ 59654 w 2292197"/>
                <a:gd name="connsiteY147" fmla="*/ 194787 h 316856"/>
                <a:gd name="connsiteX148" fmla="*/ 59654 w 2292197"/>
                <a:gd name="connsiteY148" fmla="*/ 310283 h 316856"/>
                <a:gd name="connsiteX149" fmla="*/ 0 w 2292197"/>
                <a:gd name="connsiteY149" fmla="*/ 310283 h 316856"/>
                <a:gd name="connsiteX150" fmla="*/ 1262898 w 2292197"/>
                <a:gd name="connsiteY150" fmla="*/ 0 h 316856"/>
                <a:gd name="connsiteX151" fmla="*/ 1294680 w 2292197"/>
                <a:gd name="connsiteY151" fmla="*/ 30408 h 316856"/>
                <a:gd name="connsiteX152" fmla="*/ 1262898 w 2292197"/>
                <a:gd name="connsiteY152" fmla="*/ 60442 h 316856"/>
                <a:gd name="connsiteX153" fmla="*/ 1231116 w 2292197"/>
                <a:gd name="connsiteY153" fmla="*/ 30408 h 316856"/>
                <a:gd name="connsiteX154" fmla="*/ 1262898 w 2292197"/>
                <a:gd name="connsiteY154" fmla="*/ 0 h 31685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2292197" h="316856">
                  <a:moveTo>
                    <a:pt x="561040" y="133276"/>
                  </a:moveTo>
                  <a:cubicBezTo>
                    <a:pt x="526975" y="133276"/>
                    <a:pt x="514756" y="167576"/>
                    <a:pt x="514756" y="208959"/>
                  </a:cubicBezTo>
                  <a:cubicBezTo>
                    <a:pt x="514756" y="242885"/>
                    <a:pt x="522532" y="272711"/>
                    <a:pt x="553264" y="272711"/>
                  </a:cubicBezTo>
                  <a:cubicBezTo>
                    <a:pt x="575110" y="272711"/>
                    <a:pt x="587329" y="256680"/>
                    <a:pt x="587329" y="241394"/>
                  </a:cubicBezTo>
                  <a:lnTo>
                    <a:pt x="587329" y="137750"/>
                  </a:lnTo>
                  <a:cubicBezTo>
                    <a:pt x="581775" y="135140"/>
                    <a:pt x="572148" y="133276"/>
                    <a:pt x="561040" y="133276"/>
                  </a:cubicBezTo>
                  <a:close/>
                  <a:moveTo>
                    <a:pt x="1864005" y="131508"/>
                  </a:moveTo>
                  <a:cubicBezTo>
                    <a:pt x="1835677" y="131508"/>
                    <a:pt x="1820768" y="159908"/>
                    <a:pt x="1819277" y="188681"/>
                  </a:cubicBezTo>
                  <a:cubicBezTo>
                    <a:pt x="1846486" y="187934"/>
                    <a:pt x="1885623" y="181208"/>
                    <a:pt x="1885623" y="152434"/>
                  </a:cubicBezTo>
                  <a:cubicBezTo>
                    <a:pt x="1885623" y="139355"/>
                    <a:pt x="1877795" y="131508"/>
                    <a:pt x="1864005" y="131508"/>
                  </a:cubicBezTo>
                  <a:close/>
                  <a:moveTo>
                    <a:pt x="1660732" y="131508"/>
                  </a:moveTo>
                  <a:cubicBezTo>
                    <a:pt x="1632032" y="131508"/>
                    <a:pt x="1617123" y="159908"/>
                    <a:pt x="1615632" y="188681"/>
                  </a:cubicBezTo>
                  <a:cubicBezTo>
                    <a:pt x="1643213" y="187934"/>
                    <a:pt x="1681977" y="181208"/>
                    <a:pt x="1681977" y="152434"/>
                  </a:cubicBezTo>
                  <a:cubicBezTo>
                    <a:pt x="1681977" y="139355"/>
                    <a:pt x="1673777" y="131508"/>
                    <a:pt x="1660732" y="131508"/>
                  </a:cubicBezTo>
                  <a:close/>
                  <a:moveTo>
                    <a:pt x="351674" y="131508"/>
                  </a:moveTo>
                  <a:cubicBezTo>
                    <a:pt x="322974" y="131508"/>
                    <a:pt x="308065" y="159908"/>
                    <a:pt x="306574" y="188681"/>
                  </a:cubicBezTo>
                  <a:cubicBezTo>
                    <a:pt x="334155" y="187934"/>
                    <a:pt x="372919" y="181208"/>
                    <a:pt x="372919" y="152434"/>
                  </a:cubicBezTo>
                  <a:cubicBezTo>
                    <a:pt x="372919" y="139355"/>
                    <a:pt x="364719" y="131508"/>
                    <a:pt x="351674" y="131508"/>
                  </a:cubicBezTo>
                  <a:close/>
                  <a:moveTo>
                    <a:pt x="1234395" y="96976"/>
                  </a:moveTo>
                  <a:lnTo>
                    <a:pt x="1293037" y="96976"/>
                  </a:lnTo>
                  <a:lnTo>
                    <a:pt x="1293037" y="310280"/>
                  </a:lnTo>
                  <a:lnTo>
                    <a:pt x="1263529" y="310280"/>
                  </a:lnTo>
                  <a:lnTo>
                    <a:pt x="1234395" y="310280"/>
                  </a:lnTo>
                  <a:close/>
                  <a:moveTo>
                    <a:pt x="2081174" y="90402"/>
                  </a:moveTo>
                  <a:cubicBezTo>
                    <a:pt x="2093389" y="90402"/>
                    <a:pt x="2105975" y="92261"/>
                    <a:pt x="2115969" y="97838"/>
                  </a:cubicBezTo>
                  <a:lnTo>
                    <a:pt x="2105604" y="148028"/>
                  </a:lnTo>
                  <a:cubicBezTo>
                    <a:pt x="2096721" y="143567"/>
                    <a:pt x="2086726" y="140593"/>
                    <a:pt x="2075991" y="140593"/>
                  </a:cubicBezTo>
                  <a:cubicBezTo>
                    <a:pt x="2054892" y="140593"/>
                    <a:pt x="2041566" y="154720"/>
                    <a:pt x="2040826" y="176656"/>
                  </a:cubicBezTo>
                  <a:lnTo>
                    <a:pt x="2040826" y="308638"/>
                  </a:lnTo>
                  <a:lnTo>
                    <a:pt x="1982710" y="308638"/>
                  </a:lnTo>
                  <a:lnTo>
                    <a:pt x="1982710" y="133157"/>
                  </a:lnTo>
                  <a:lnTo>
                    <a:pt x="1978638" y="96351"/>
                  </a:lnTo>
                  <a:lnTo>
                    <a:pt x="2025649" y="96351"/>
                  </a:lnTo>
                  <a:lnTo>
                    <a:pt x="2031202" y="126837"/>
                  </a:lnTo>
                  <a:cubicBezTo>
                    <a:pt x="2041196" y="102299"/>
                    <a:pt x="2061555" y="90402"/>
                    <a:pt x="2081174" y="90402"/>
                  </a:cubicBezTo>
                  <a:close/>
                  <a:moveTo>
                    <a:pt x="1866986" y="90402"/>
                  </a:moveTo>
                  <a:cubicBezTo>
                    <a:pt x="1909477" y="90402"/>
                    <a:pt x="1937059" y="111702"/>
                    <a:pt x="1937059" y="152060"/>
                  </a:cubicBezTo>
                  <a:cubicBezTo>
                    <a:pt x="1937059" y="215213"/>
                    <a:pt x="1872577" y="227545"/>
                    <a:pt x="1821141" y="230534"/>
                  </a:cubicBezTo>
                  <a:cubicBezTo>
                    <a:pt x="1824123" y="250713"/>
                    <a:pt x="1837541" y="272013"/>
                    <a:pt x="1869595" y="272013"/>
                  </a:cubicBezTo>
                  <a:cubicBezTo>
                    <a:pt x="1891959" y="272013"/>
                    <a:pt x="1910223" y="262297"/>
                    <a:pt x="1922150" y="254076"/>
                  </a:cubicBezTo>
                  <a:lnTo>
                    <a:pt x="1938923" y="293313"/>
                  </a:lnTo>
                  <a:cubicBezTo>
                    <a:pt x="1934077" y="297050"/>
                    <a:pt x="1904632" y="316855"/>
                    <a:pt x="1862141" y="316855"/>
                  </a:cubicBezTo>
                  <a:cubicBezTo>
                    <a:pt x="1790577" y="316855"/>
                    <a:pt x="1762250" y="271640"/>
                    <a:pt x="1762250" y="208487"/>
                  </a:cubicBezTo>
                  <a:cubicBezTo>
                    <a:pt x="1762250" y="146829"/>
                    <a:pt x="1798405" y="90402"/>
                    <a:pt x="1866986" y="90402"/>
                  </a:cubicBezTo>
                  <a:close/>
                  <a:moveTo>
                    <a:pt x="1663713" y="90402"/>
                  </a:moveTo>
                  <a:cubicBezTo>
                    <a:pt x="1706204" y="90402"/>
                    <a:pt x="1733413" y="111702"/>
                    <a:pt x="1733413" y="152060"/>
                  </a:cubicBezTo>
                  <a:cubicBezTo>
                    <a:pt x="1733413" y="215213"/>
                    <a:pt x="1669304" y="227545"/>
                    <a:pt x="1617868" y="230534"/>
                  </a:cubicBezTo>
                  <a:cubicBezTo>
                    <a:pt x="1620850" y="250713"/>
                    <a:pt x="1634268" y="272013"/>
                    <a:pt x="1666322" y="272013"/>
                  </a:cubicBezTo>
                  <a:cubicBezTo>
                    <a:pt x="1688686" y="272013"/>
                    <a:pt x="1706577" y="262297"/>
                    <a:pt x="1718504" y="254076"/>
                  </a:cubicBezTo>
                  <a:lnTo>
                    <a:pt x="1735650" y="293313"/>
                  </a:lnTo>
                  <a:cubicBezTo>
                    <a:pt x="1730431" y="297050"/>
                    <a:pt x="1700986" y="316855"/>
                    <a:pt x="1658495" y="316855"/>
                  </a:cubicBezTo>
                  <a:cubicBezTo>
                    <a:pt x="1587304" y="316855"/>
                    <a:pt x="1558977" y="271640"/>
                    <a:pt x="1558977" y="208487"/>
                  </a:cubicBezTo>
                  <a:cubicBezTo>
                    <a:pt x="1558977" y="146829"/>
                    <a:pt x="1594759" y="90402"/>
                    <a:pt x="1663713" y="90402"/>
                  </a:cubicBezTo>
                  <a:close/>
                  <a:moveTo>
                    <a:pt x="1457145" y="90402"/>
                  </a:moveTo>
                  <a:cubicBezTo>
                    <a:pt x="1498483" y="90402"/>
                    <a:pt x="1524180" y="113824"/>
                    <a:pt x="1524180" y="164015"/>
                  </a:cubicBezTo>
                  <a:lnTo>
                    <a:pt x="1524180" y="308638"/>
                  </a:lnTo>
                  <a:lnTo>
                    <a:pt x="1465710" y="308638"/>
                  </a:lnTo>
                  <a:lnTo>
                    <a:pt x="1465710" y="174797"/>
                  </a:lnTo>
                  <a:cubicBezTo>
                    <a:pt x="1465710" y="152118"/>
                    <a:pt x="1462358" y="134644"/>
                    <a:pt x="1439641" y="134644"/>
                  </a:cubicBezTo>
                  <a:cubicBezTo>
                    <a:pt x="1417668" y="134644"/>
                    <a:pt x="1403516" y="152490"/>
                    <a:pt x="1403516" y="172566"/>
                  </a:cubicBezTo>
                  <a:lnTo>
                    <a:pt x="1403516" y="308638"/>
                  </a:lnTo>
                  <a:lnTo>
                    <a:pt x="1345047" y="308638"/>
                  </a:lnTo>
                  <a:lnTo>
                    <a:pt x="1345047" y="135760"/>
                  </a:lnTo>
                  <a:lnTo>
                    <a:pt x="1340950" y="96351"/>
                  </a:lnTo>
                  <a:lnTo>
                    <a:pt x="1389737" y="96351"/>
                  </a:lnTo>
                  <a:lnTo>
                    <a:pt x="1393834" y="121632"/>
                  </a:lnTo>
                  <a:cubicBezTo>
                    <a:pt x="1407985" y="102299"/>
                    <a:pt x="1429213" y="90402"/>
                    <a:pt x="1457145" y="90402"/>
                  </a:cubicBezTo>
                  <a:close/>
                  <a:moveTo>
                    <a:pt x="568075" y="90402"/>
                  </a:moveTo>
                  <a:cubicBezTo>
                    <a:pt x="582516" y="90402"/>
                    <a:pt x="613248" y="93758"/>
                    <a:pt x="644721" y="105688"/>
                  </a:cubicBezTo>
                  <a:lnTo>
                    <a:pt x="644721" y="266746"/>
                  </a:lnTo>
                  <a:lnTo>
                    <a:pt x="648794" y="309247"/>
                  </a:lnTo>
                  <a:lnTo>
                    <a:pt x="599178" y="309247"/>
                  </a:lnTo>
                  <a:lnTo>
                    <a:pt x="596215" y="287624"/>
                  </a:lnTo>
                  <a:lnTo>
                    <a:pt x="594364" y="287251"/>
                  </a:lnTo>
                  <a:cubicBezTo>
                    <a:pt x="581775" y="306637"/>
                    <a:pt x="560670" y="315212"/>
                    <a:pt x="538083" y="315212"/>
                  </a:cubicBezTo>
                  <a:cubicBezTo>
                    <a:pt x="477730" y="315212"/>
                    <a:pt x="457365" y="269356"/>
                    <a:pt x="457365" y="212314"/>
                  </a:cubicBezTo>
                  <a:cubicBezTo>
                    <a:pt x="457365" y="138869"/>
                    <a:pt x="494021" y="90402"/>
                    <a:pt x="568075" y="90402"/>
                  </a:cubicBezTo>
                  <a:close/>
                  <a:moveTo>
                    <a:pt x="353910" y="90402"/>
                  </a:moveTo>
                  <a:cubicBezTo>
                    <a:pt x="396401" y="90402"/>
                    <a:pt x="423983" y="111702"/>
                    <a:pt x="423983" y="152060"/>
                  </a:cubicBezTo>
                  <a:cubicBezTo>
                    <a:pt x="423983" y="215213"/>
                    <a:pt x="360246" y="227545"/>
                    <a:pt x="308065" y="230534"/>
                  </a:cubicBezTo>
                  <a:cubicBezTo>
                    <a:pt x="311046" y="250713"/>
                    <a:pt x="324465" y="272013"/>
                    <a:pt x="356519" y="272013"/>
                  </a:cubicBezTo>
                  <a:cubicBezTo>
                    <a:pt x="378883" y="272013"/>
                    <a:pt x="397146" y="262297"/>
                    <a:pt x="409073" y="254076"/>
                  </a:cubicBezTo>
                  <a:lnTo>
                    <a:pt x="425846" y="293313"/>
                  </a:lnTo>
                  <a:cubicBezTo>
                    <a:pt x="421001" y="297050"/>
                    <a:pt x="391555" y="316855"/>
                    <a:pt x="349065" y="316855"/>
                  </a:cubicBezTo>
                  <a:cubicBezTo>
                    <a:pt x="277501" y="316855"/>
                    <a:pt x="249174" y="271640"/>
                    <a:pt x="249174" y="208487"/>
                  </a:cubicBezTo>
                  <a:cubicBezTo>
                    <a:pt x="249174" y="146829"/>
                    <a:pt x="285328" y="90402"/>
                    <a:pt x="353910" y="90402"/>
                  </a:cubicBezTo>
                  <a:close/>
                  <a:moveTo>
                    <a:pt x="2208041" y="90249"/>
                  </a:moveTo>
                  <a:cubicBezTo>
                    <a:pt x="2234433" y="88758"/>
                    <a:pt x="2258595" y="96212"/>
                    <a:pt x="2277182" y="108139"/>
                  </a:cubicBezTo>
                  <a:lnTo>
                    <a:pt x="2277182" y="108512"/>
                  </a:lnTo>
                  <a:lnTo>
                    <a:pt x="2259711" y="148764"/>
                  </a:lnTo>
                  <a:cubicBezTo>
                    <a:pt x="2243355" y="137210"/>
                    <a:pt x="2227742" y="131247"/>
                    <a:pt x="2213245" y="131620"/>
                  </a:cubicBezTo>
                  <a:cubicBezTo>
                    <a:pt x="2199863" y="131992"/>
                    <a:pt x="2189083" y="137956"/>
                    <a:pt x="2189455" y="152119"/>
                  </a:cubicBezTo>
                  <a:cubicBezTo>
                    <a:pt x="2190570" y="168518"/>
                    <a:pt x="2205067" y="172618"/>
                    <a:pt x="2224025" y="177836"/>
                  </a:cubicBezTo>
                  <a:cubicBezTo>
                    <a:pt x="2254878" y="185663"/>
                    <a:pt x="2289448" y="194980"/>
                    <a:pt x="2292050" y="238960"/>
                  </a:cubicBezTo>
                  <a:cubicBezTo>
                    <a:pt x="2294653" y="287040"/>
                    <a:pt x="2262684" y="312384"/>
                    <a:pt x="2214360" y="314993"/>
                  </a:cubicBezTo>
                  <a:cubicBezTo>
                    <a:pt x="2177188" y="316856"/>
                    <a:pt x="2145591" y="304930"/>
                    <a:pt x="2133325" y="297103"/>
                  </a:cubicBezTo>
                  <a:lnTo>
                    <a:pt x="2150796" y="257223"/>
                  </a:lnTo>
                  <a:cubicBezTo>
                    <a:pt x="2166036" y="265050"/>
                    <a:pt x="2189827" y="273622"/>
                    <a:pt x="2208784" y="272504"/>
                  </a:cubicBezTo>
                  <a:cubicBezTo>
                    <a:pt x="2224397" y="272131"/>
                    <a:pt x="2235177" y="265050"/>
                    <a:pt x="2234433" y="249023"/>
                  </a:cubicBezTo>
                  <a:cubicBezTo>
                    <a:pt x="2233318" y="232624"/>
                    <a:pt x="2218449" y="229270"/>
                    <a:pt x="2199863" y="224424"/>
                  </a:cubicBezTo>
                  <a:cubicBezTo>
                    <a:pt x="2167895" y="216970"/>
                    <a:pt x="2135927" y="206534"/>
                    <a:pt x="2133325" y="162555"/>
                  </a:cubicBezTo>
                  <a:cubicBezTo>
                    <a:pt x="2131094" y="118202"/>
                    <a:pt x="2164549" y="92858"/>
                    <a:pt x="2208041" y="90249"/>
                  </a:cubicBezTo>
                  <a:close/>
                  <a:moveTo>
                    <a:pt x="1004892" y="31230"/>
                  </a:moveTo>
                  <a:lnTo>
                    <a:pt x="1063095" y="31230"/>
                  </a:lnTo>
                  <a:lnTo>
                    <a:pt x="1063095" y="112822"/>
                  </a:lnTo>
                  <a:cubicBezTo>
                    <a:pt x="1076440" y="98665"/>
                    <a:pt x="1095347" y="90841"/>
                    <a:pt x="1115736" y="90841"/>
                  </a:cubicBezTo>
                  <a:cubicBezTo>
                    <a:pt x="1159481" y="90841"/>
                    <a:pt x="1183207" y="115803"/>
                    <a:pt x="1183207" y="165727"/>
                  </a:cubicBezTo>
                  <a:lnTo>
                    <a:pt x="1183207" y="310283"/>
                  </a:lnTo>
                  <a:lnTo>
                    <a:pt x="1125004" y="310283"/>
                  </a:lnTo>
                  <a:lnTo>
                    <a:pt x="1125004" y="174668"/>
                  </a:lnTo>
                  <a:cubicBezTo>
                    <a:pt x="1125004" y="153432"/>
                    <a:pt x="1120556" y="136294"/>
                    <a:pt x="1098313" y="136294"/>
                  </a:cubicBezTo>
                  <a:cubicBezTo>
                    <a:pt x="1076811" y="136294"/>
                    <a:pt x="1062353" y="153432"/>
                    <a:pt x="1062353" y="173178"/>
                  </a:cubicBezTo>
                  <a:lnTo>
                    <a:pt x="1062353" y="310283"/>
                  </a:lnTo>
                  <a:lnTo>
                    <a:pt x="1004892" y="310283"/>
                  </a:lnTo>
                  <a:close/>
                  <a:moveTo>
                    <a:pt x="842391" y="31230"/>
                  </a:moveTo>
                  <a:lnTo>
                    <a:pt x="900136" y="31230"/>
                  </a:lnTo>
                  <a:lnTo>
                    <a:pt x="900136" y="97603"/>
                  </a:lnTo>
                  <a:lnTo>
                    <a:pt x="954920" y="97603"/>
                  </a:lnTo>
                  <a:lnTo>
                    <a:pt x="954920" y="143467"/>
                  </a:lnTo>
                  <a:lnTo>
                    <a:pt x="900877" y="143467"/>
                  </a:lnTo>
                  <a:lnTo>
                    <a:pt x="900877" y="238551"/>
                  </a:lnTo>
                  <a:cubicBezTo>
                    <a:pt x="900877" y="261670"/>
                    <a:pt x="905689" y="270992"/>
                    <a:pt x="921236" y="270992"/>
                  </a:cubicBezTo>
                  <a:cubicBezTo>
                    <a:pt x="928639" y="270992"/>
                    <a:pt x="936782" y="268382"/>
                    <a:pt x="946407" y="264653"/>
                  </a:cubicBezTo>
                  <a:lnTo>
                    <a:pt x="958622" y="303433"/>
                  </a:lnTo>
                  <a:cubicBezTo>
                    <a:pt x="946407" y="311636"/>
                    <a:pt x="924197" y="316856"/>
                    <a:pt x="905689" y="316856"/>
                  </a:cubicBezTo>
                  <a:cubicBezTo>
                    <a:pt x="845722" y="316856"/>
                    <a:pt x="842391" y="282551"/>
                    <a:pt x="842391" y="247128"/>
                  </a:cubicBezTo>
                  <a:lnTo>
                    <a:pt x="842391" y="143467"/>
                  </a:lnTo>
                  <a:lnTo>
                    <a:pt x="809816" y="143467"/>
                  </a:lnTo>
                  <a:lnTo>
                    <a:pt x="809816" y="97603"/>
                  </a:lnTo>
                  <a:lnTo>
                    <a:pt x="842391" y="97603"/>
                  </a:lnTo>
                  <a:close/>
                  <a:moveTo>
                    <a:pt x="698343" y="31230"/>
                  </a:moveTo>
                  <a:lnTo>
                    <a:pt x="756722" y="31230"/>
                  </a:lnTo>
                  <a:lnTo>
                    <a:pt x="756722" y="238449"/>
                  </a:lnTo>
                  <a:cubicBezTo>
                    <a:pt x="756722" y="261597"/>
                    <a:pt x="761895" y="270932"/>
                    <a:pt x="777045" y="270932"/>
                  </a:cubicBezTo>
                  <a:cubicBezTo>
                    <a:pt x="784434" y="270932"/>
                    <a:pt x="792563" y="268318"/>
                    <a:pt x="802170" y="264584"/>
                  </a:cubicBezTo>
                  <a:lnTo>
                    <a:pt x="814364" y="303415"/>
                  </a:lnTo>
                  <a:cubicBezTo>
                    <a:pt x="802170" y="311629"/>
                    <a:pt x="780000" y="316856"/>
                    <a:pt x="761895" y="316856"/>
                  </a:cubicBezTo>
                  <a:cubicBezTo>
                    <a:pt x="702038" y="316856"/>
                    <a:pt x="698343" y="282506"/>
                    <a:pt x="698343" y="247036"/>
                  </a:cubicBezTo>
                  <a:close/>
                  <a:moveTo>
                    <a:pt x="0" y="31230"/>
                  </a:moveTo>
                  <a:lnTo>
                    <a:pt x="59654" y="31230"/>
                  </a:lnTo>
                  <a:lnTo>
                    <a:pt x="59654" y="142255"/>
                  </a:lnTo>
                  <a:lnTo>
                    <a:pt x="145779" y="142255"/>
                  </a:lnTo>
                  <a:lnTo>
                    <a:pt x="145779" y="31230"/>
                  </a:lnTo>
                  <a:lnTo>
                    <a:pt x="206179" y="31230"/>
                  </a:lnTo>
                  <a:lnTo>
                    <a:pt x="206179" y="310283"/>
                  </a:lnTo>
                  <a:lnTo>
                    <a:pt x="145779" y="310283"/>
                  </a:lnTo>
                  <a:lnTo>
                    <a:pt x="145779" y="194787"/>
                  </a:lnTo>
                  <a:lnTo>
                    <a:pt x="59654" y="194787"/>
                  </a:lnTo>
                  <a:lnTo>
                    <a:pt x="59654" y="310283"/>
                  </a:lnTo>
                  <a:lnTo>
                    <a:pt x="0" y="310283"/>
                  </a:lnTo>
                  <a:close/>
                  <a:moveTo>
                    <a:pt x="1262898" y="0"/>
                  </a:moveTo>
                  <a:cubicBezTo>
                    <a:pt x="1281745" y="0"/>
                    <a:pt x="1294680" y="13890"/>
                    <a:pt x="1294680" y="30408"/>
                  </a:cubicBezTo>
                  <a:cubicBezTo>
                    <a:pt x="1294680" y="48053"/>
                    <a:pt x="1281745" y="60442"/>
                    <a:pt x="1262898" y="60442"/>
                  </a:cubicBezTo>
                  <a:cubicBezTo>
                    <a:pt x="1243681" y="60442"/>
                    <a:pt x="1231116" y="48053"/>
                    <a:pt x="1231116" y="30408"/>
                  </a:cubicBezTo>
                  <a:cubicBezTo>
                    <a:pt x="1231116" y="13890"/>
                    <a:pt x="1244051" y="0"/>
                    <a:pt x="1262898" y="0"/>
                  </a:cubicBezTo>
                  <a:close/>
                </a:path>
              </a:pathLst>
            </a:custGeom>
            <a:grpFill/>
            <a:ln w="9525" cap="flat">
              <a:noFill/>
              <a:bevel/>
              <a:headEnd/>
              <a:tailEnd/>
            </a:ln>
            <a:effectLst/>
          </p:spPr>
          <p:txBody>
            <a:bodyPr wrap="square" anchor="ctr">
              <a:prstTxWarp prst="textNoShape">
                <a:avLst/>
              </a:prstTxWarp>
              <a:noAutofit/>
            </a:bodyPr>
            <a:lstStyle/>
            <a:p>
              <a:pPr marL="0" marR="0" lvl="0" indent="0" defTabSz="1088959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1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"/>
                <a:cs typeface=""/>
              </a:endParaRPr>
            </a:p>
          </p:txBody>
        </p:sp>
      </p:grpSp>
      <p:grpSp>
        <p:nvGrpSpPr>
          <p:cNvPr id="153" name="Gruppieren 152"/>
          <p:cNvGrpSpPr/>
          <p:nvPr/>
        </p:nvGrpSpPr>
        <p:grpSpPr>
          <a:xfrm>
            <a:off x="-381000" y="-377826"/>
            <a:ext cx="12915900" cy="7610481"/>
            <a:chOff x="-381000" y="-377826"/>
            <a:chExt cx="12915900" cy="7610481"/>
          </a:xfrm>
        </p:grpSpPr>
        <p:cxnSp>
          <p:nvCxnSpPr>
            <p:cNvPr id="154" name="Gerade Verbindung 153"/>
            <p:cNvCxnSpPr/>
            <p:nvPr userDrawn="1"/>
          </p:nvCxnSpPr>
          <p:spPr>
            <a:xfrm flipH="1">
              <a:off x="-381000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5" name="Gerade Verbindung 154"/>
            <p:cNvCxnSpPr/>
            <p:nvPr userDrawn="1"/>
          </p:nvCxnSpPr>
          <p:spPr>
            <a:xfrm flipH="1">
              <a:off x="-381000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6" name="Gerade Verbindung 155"/>
            <p:cNvCxnSpPr/>
            <p:nvPr userDrawn="1"/>
          </p:nvCxnSpPr>
          <p:spPr>
            <a:xfrm flipH="1">
              <a:off x="12315825" y="163036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7" name="Gerade Verbindung 156"/>
            <p:cNvCxnSpPr/>
            <p:nvPr userDrawn="1"/>
          </p:nvCxnSpPr>
          <p:spPr>
            <a:xfrm flipH="1">
              <a:off x="12315825" y="630872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8" name="Gerade Verbindung 157"/>
            <p:cNvCxnSpPr/>
            <p:nvPr userDrawn="1"/>
          </p:nvCxnSpPr>
          <p:spPr>
            <a:xfrm rot="16200000" flipH="1">
              <a:off x="115331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9" name="Gerade Verbindung 158"/>
            <p:cNvCxnSpPr/>
            <p:nvPr userDrawn="1"/>
          </p:nvCxnSpPr>
          <p:spPr>
            <a:xfrm rot="16200000" flipH="1">
              <a:off x="9513887" y="712311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0" name="Gerade Verbindung 159"/>
            <p:cNvCxnSpPr/>
            <p:nvPr userDrawn="1"/>
          </p:nvCxnSpPr>
          <p:spPr>
            <a:xfrm rot="16200000" flipH="1">
              <a:off x="372160" y="712311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1" name="Gerade Verbindung 160"/>
            <p:cNvCxnSpPr/>
            <p:nvPr userDrawn="1"/>
          </p:nvCxnSpPr>
          <p:spPr>
            <a:xfrm rot="16200000" flipH="1">
              <a:off x="7764463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2" name="Gerade Verbindung 161"/>
            <p:cNvCxnSpPr/>
            <p:nvPr userDrawn="1"/>
          </p:nvCxnSpPr>
          <p:spPr>
            <a:xfrm rot="16200000" flipH="1">
              <a:off x="7907339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3" name="Gerade Verbindung 162"/>
            <p:cNvCxnSpPr/>
            <p:nvPr userDrawn="1"/>
          </p:nvCxnSpPr>
          <p:spPr>
            <a:xfrm rot="16200000" flipH="1">
              <a:off x="5878514" y="712311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4" name="Gerade Verbindung 163"/>
            <p:cNvCxnSpPr/>
            <p:nvPr userDrawn="1"/>
          </p:nvCxnSpPr>
          <p:spPr>
            <a:xfrm rot="16200000" flipH="1">
              <a:off x="6021390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5" name="Gerade Verbindung 164"/>
            <p:cNvCxnSpPr/>
            <p:nvPr userDrawn="1"/>
          </p:nvCxnSpPr>
          <p:spPr>
            <a:xfrm rot="16200000" flipH="1">
              <a:off x="3997326" y="712311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6" name="Gerade Verbindung 165"/>
            <p:cNvCxnSpPr/>
            <p:nvPr userDrawn="1"/>
          </p:nvCxnSpPr>
          <p:spPr>
            <a:xfrm rot="16200000" flipH="1">
              <a:off x="4140202" y="712311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7" name="Gerade Verbindung 166"/>
            <p:cNvCxnSpPr/>
            <p:nvPr userDrawn="1"/>
          </p:nvCxnSpPr>
          <p:spPr>
            <a:xfrm rot="16200000" flipH="1">
              <a:off x="115331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8" name="Gerade Verbindung 167"/>
            <p:cNvCxnSpPr/>
            <p:nvPr userDrawn="1"/>
          </p:nvCxnSpPr>
          <p:spPr>
            <a:xfrm rot="16200000" flipH="1">
              <a:off x="9513888" y="-268287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9" name="Gerade Verbindung 168"/>
            <p:cNvCxnSpPr/>
            <p:nvPr userDrawn="1"/>
          </p:nvCxnSpPr>
          <p:spPr>
            <a:xfrm rot="16200000" flipH="1">
              <a:off x="372161" y="-2682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0" name="Gerade Verbindung 169"/>
            <p:cNvCxnSpPr/>
            <p:nvPr userDrawn="1"/>
          </p:nvCxnSpPr>
          <p:spPr>
            <a:xfrm rot="16200000" flipH="1">
              <a:off x="7764464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1" name="Gerade Verbindung 170"/>
            <p:cNvCxnSpPr/>
            <p:nvPr userDrawn="1"/>
          </p:nvCxnSpPr>
          <p:spPr>
            <a:xfrm rot="16200000" flipH="1">
              <a:off x="7907340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2" name="Gerade Verbindung 171"/>
            <p:cNvCxnSpPr/>
            <p:nvPr userDrawn="1"/>
          </p:nvCxnSpPr>
          <p:spPr>
            <a:xfrm rot="16200000" flipH="1">
              <a:off x="5878515" y="-268286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3" name="Gerade Verbindung 172"/>
            <p:cNvCxnSpPr/>
            <p:nvPr userDrawn="1"/>
          </p:nvCxnSpPr>
          <p:spPr>
            <a:xfrm rot="16200000" flipH="1">
              <a:off x="6021391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4" name="Gerade Verbindung 173"/>
            <p:cNvCxnSpPr/>
            <p:nvPr userDrawn="1"/>
          </p:nvCxnSpPr>
          <p:spPr>
            <a:xfrm rot="16200000" flipH="1">
              <a:off x="3997327" y="-268285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5" name="Gerade Verbindung 174"/>
            <p:cNvCxnSpPr/>
            <p:nvPr userDrawn="1"/>
          </p:nvCxnSpPr>
          <p:spPr>
            <a:xfrm rot="16200000" flipH="1">
              <a:off x="4140203" y="-268284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6" name="Gerade Verbindung 175"/>
            <p:cNvCxnSpPr/>
            <p:nvPr userDrawn="1"/>
          </p:nvCxnSpPr>
          <p:spPr>
            <a:xfrm flipH="1">
              <a:off x="-381000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7" name="Gerade Verbindung 176"/>
            <p:cNvCxnSpPr/>
            <p:nvPr userDrawn="1"/>
          </p:nvCxnSpPr>
          <p:spPr>
            <a:xfrm flipH="1">
              <a:off x="-381000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8" name="Gerade Verbindung 177"/>
            <p:cNvCxnSpPr/>
            <p:nvPr userDrawn="1"/>
          </p:nvCxnSpPr>
          <p:spPr>
            <a:xfrm flipH="1">
              <a:off x="12315825" y="3897313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9" name="Gerade Verbindung 178"/>
            <p:cNvCxnSpPr/>
            <p:nvPr userDrawn="1"/>
          </p:nvCxnSpPr>
          <p:spPr>
            <a:xfrm flipH="1">
              <a:off x="12315825" y="4040188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0" name="Gerade Verbindung 179"/>
            <p:cNvCxnSpPr/>
            <p:nvPr userDrawn="1"/>
          </p:nvCxnSpPr>
          <p:spPr>
            <a:xfrm flipH="1">
              <a:off x="12315825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1" name="Gerade Verbindung 180"/>
            <p:cNvCxnSpPr/>
            <p:nvPr userDrawn="1"/>
          </p:nvCxnSpPr>
          <p:spPr>
            <a:xfrm flipH="1">
              <a:off x="-381000" y="342900"/>
              <a:ext cx="219075" cy="0"/>
            </a:xfrm>
            <a:prstGeom prst="line">
              <a:avLst/>
            </a:prstGeom>
            <a:ln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84" name="cdtTextBox 11 Id18"/>
          <p:cNvSpPr txBox="1"/>
          <p:nvPr>
            <p:custDataLst>
              <p:tags r:id="rId10"/>
            </p:custDataLst>
          </p:nvPr>
        </p:nvSpPr>
        <p:spPr>
          <a:xfrm>
            <a:off x="8020050" y="6597650"/>
            <a:ext cx="3620777" cy="15388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marL="0" marR="0" indent="0" algn="r" defTabSz="1088959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n-lt"/>
                <a:ea typeface="+mn-ea"/>
                <a:cs typeface="Arial" panose="020B0604020202020204" pitchFamily="34" charset="0"/>
              </a:rPr>
              <a:t>Page </a:t>
            </a:r>
            <a:fld id="{91E7552C-A157-4A4F-8E99-698C0325FC94}" type="slidenum">
              <a:rPr kumimoji="0" lang="en-US" sz="1000" b="0" i="0" u="none" strike="noStrike" kern="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n-lt"/>
                <a:ea typeface="+mn-ea"/>
                <a:cs typeface="Arial" panose="020B0604020202020204" pitchFamily="34" charset="0"/>
              </a:rPr>
              <a:pPr marL="0" marR="0" indent="0" algn="r" defTabSz="1088959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r>
              <a:rPr kumimoji="0" lang="en-US" sz="1000" b="0" i="0" u="none" strike="noStrike" kern="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n-lt"/>
                <a:ea typeface="+mn-ea"/>
                <a:cs typeface="Arial" panose="020B0604020202020204" pitchFamily="34" charset="0"/>
              </a:rPr>
              <a:t> | </a:t>
            </a:r>
            <a:r>
              <a:rPr lang="en-US" sz="1000" kern="0" noProof="0" dirty="0">
                <a:solidFill>
                  <a:schemeClr val="tx1"/>
                </a:solidFill>
                <a:latin typeface="+mn-lt"/>
                <a:cs typeface="Arial" panose="020B0604020202020204" pitchFamily="34" charset="0"/>
              </a:rPr>
              <a:t>Restricted </a:t>
            </a:r>
            <a:r>
              <a:rPr lang="en-US" sz="1000" kern="0" noProof="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©</a:t>
            </a:r>
            <a:r>
              <a:rPr lang="en-US" sz="1000" kern="0" baseline="0" noProof="0" dirty="0">
                <a:solidFill>
                  <a:schemeClr val="tx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tx1"/>
                </a:solidFill>
                <a:latin typeface="+mn-lt"/>
                <a:cs typeface="Arial" panose="020B0604020202020204" pitchFamily="34" charset="0"/>
              </a:rPr>
              <a:t>Siemens</a:t>
            </a:r>
            <a:r>
              <a:rPr lang="en-US" sz="1000" kern="0" baseline="0" noProof="0" dirty="0">
                <a:solidFill>
                  <a:schemeClr val="tx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tx1"/>
                </a:solidFill>
                <a:latin typeface="+mn-lt"/>
                <a:cs typeface="Arial" panose="020B0604020202020204" pitchFamily="34" charset="0"/>
              </a:rPr>
              <a:t>Healthcare</a:t>
            </a:r>
            <a:r>
              <a:rPr lang="en-US" sz="1000" kern="0" baseline="0" noProof="0" dirty="0">
                <a:solidFill>
                  <a:schemeClr val="tx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tx1"/>
                </a:solidFill>
                <a:latin typeface="+mn-lt"/>
                <a:cs typeface="Arial" panose="020B0604020202020204" pitchFamily="34" charset="0"/>
              </a:rPr>
              <a:t>GmbH,</a:t>
            </a:r>
            <a:r>
              <a:rPr lang="en-US" sz="1000" kern="0" baseline="0" noProof="0" dirty="0">
                <a:solidFill>
                  <a:schemeClr val="tx1"/>
                </a:solidFill>
                <a:latin typeface="+mn-lt"/>
                <a:cs typeface="Arial" panose="020B0604020202020204" pitchFamily="34" charset="0"/>
              </a:rPr>
              <a:t> </a:t>
            </a:r>
            <a:r>
              <a:rPr lang="en-US" sz="1000" kern="0" noProof="0" dirty="0">
                <a:solidFill>
                  <a:schemeClr val="tx1"/>
                </a:solidFill>
                <a:latin typeface="+mn-lt"/>
                <a:cs typeface="Arial" panose="020B0604020202020204" pitchFamily="34" charset="0"/>
              </a:rPr>
              <a:t>2016</a:t>
            </a:r>
          </a:p>
        </p:txBody>
      </p:sp>
      <p:sp>
        <p:nvSpPr>
          <p:cNvPr id="43" name="Abgerundetes Rechteck 42"/>
          <p:cNvSpPr/>
          <p:nvPr/>
        </p:nvSpPr>
        <p:spPr>
          <a:xfrm>
            <a:off x="12651640" y="6224588"/>
            <a:ext cx="1865457" cy="635000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 w="25400" cap="flat" cmpd="sng" algn="ctr">
            <a:noFill/>
            <a:prstDash val="solid"/>
          </a:ln>
          <a:effectLst/>
        </p:spPr>
        <p:txBody>
          <a:bodyPr lIns="72000" tIns="36000" rIns="72000" bIns="36000" rtlCol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Customize </a:t>
            </a:r>
            <a:r>
              <a:rPr kumimoji="0" lang="en-US" sz="1100" b="1" i="0" u="none" strike="noStrike" kern="0" cap="none" spc="0" normalizeH="0" baseline="0" noProof="0" dirty="0">
                <a:ln>
                  <a:noFill/>
                </a:ln>
                <a:solidFill>
                  <a:srgbClr val="2D1E1C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footer</a:t>
            </a: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2D1E1C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 </a:t>
            </a:r>
            <a:b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2D1E1C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</a:b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in the master view</a:t>
            </a:r>
          </a:p>
        </p:txBody>
      </p:sp>
    </p:spTree>
    <p:custDataLst>
      <p:tags r:id="rId7"/>
    </p:custDataLst>
    <p:extLst>
      <p:ext uri="{BB962C8B-B14F-4D97-AF65-F5344CB8AC3E}">
        <p14:creationId xmlns:p14="http://schemas.microsoft.com/office/powerpoint/2010/main" val="174987798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5" r:id="rId1"/>
    <p:sldLayoutId id="2147483692" r:id="rId2"/>
    <p:sldLayoutId id="2147483691" r:id="rId3"/>
    <p:sldLayoutId id="2147483705" r:id="rId4"/>
    <p:sldLayoutId id="2147483699" r:id="rId5"/>
  </p:sldLayoutIdLst>
  <p:txStyles>
    <p:titleStyle>
      <a:lvl1pPr algn="l" defTabSz="1088959" rtl="0" eaLnBrk="1" latinLnBrk="0" hangingPunct="1">
        <a:spcBef>
          <a:spcPct val="0"/>
        </a:spcBef>
        <a:buNone/>
        <a:defRPr sz="3200" b="1" kern="1200" baseline="0">
          <a:solidFill>
            <a:schemeClr val="tx2"/>
          </a:solidFill>
          <a:latin typeface="+mj-lt"/>
          <a:ea typeface="+mj-ea"/>
          <a:cs typeface="+mj-cs"/>
        </a:defRPr>
      </a:lvl1pPr>
    </p:titleStyle>
    <p:bodyStyle>
      <a:lvl1pPr marL="0" indent="0" algn="l" defTabSz="1088959" rtl="0" eaLnBrk="1" latinLnBrk="0" hangingPunct="1">
        <a:spcBef>
          <a:spcPct val="20000"/>
        </a:spcBef>
        <a:buClr>
          <a:schemeClr val="bg2"/>
        </a:buClr>
        <a:buFont typeface="Arial" panose="020B0604020202020204" pitchFamily="34" charset="0"/>
        <a:buNone/>
        <a:defRPr sz="2600" kern="1200">
          <a:solidFill>
            <a:schemeClr val="tx1"/>
          </a:solidFill>
          <a:latin typeface="+mn-lt"/>
          <a:ea typeface="+mn-ea"/>
          <a:cs typeface="+mn-cs"/>
        </a:defRPr>
      </a:lvl1pPr>
      <a:lvl2pPr marL="266700" indent="-266700" algn="l" defTabSz="1088959" rtl="0" eaLnBrk="1" latinLnBrk="0" hangingPunct="1">
        <a:spcBef>
          <a:spcPts val="1200"/>
        </a:spcBef>
        <a:buClr>
          <a:schemeClr val="tx2"/>
        </a:buClr>
        <a:buFont typeface="Arial" panose="020B0604020202020204" pitchFamily="34" charset="0"/>
        <a:buChar char="•"/>
        <a:defRPr sz="2600" kern="1200" baseline="0">
          <a:solidFill>
            <a:schemeClr val="tx1"/>
          </a:solidFill>
          <a:latin typeface="+mn-lt"/>
          <a:ea typeface="+mn-ea"/>
          <a:cs typeface="+mn-cs"/>
        </a:defRPr>
      </a:lvl2pPr>
      <a:lvl3pPr marL="542925" indent="-276225" algn="l" defTabSz="1088959" rtl="0" eaLnBrk="1" latinLnBrk="0" hangingPunct="1">
        <a:spcBef>
          <a:spcPts val="400"/>
        </a:spcBef>
        <a:buClr>
          <a:schemeClr val="tx2"/>
        </a:buClr>
        <a:buFont typeface="Arial" panose="020B0604020202020204" pitchFamily="34" charset="0"/>
        <a:buChar char="•"/>
        <a:defRPr sz="2600" kern="1200">
          <a:solidFill>
            <a:schemeClr val="tx1"/>
          </a:solidFill>
          <a:latin typeface="+mn-lt"/>
          <a:ea typeface="+mn-ea"/>
          <a:cs typeface="+mn-cs"/>
        </a:defRPr>
      </a:lvl3pPr>
      <a:lvl4pPr marL="809625" indent="-266700" algn="l" defTabSz="1088959" rtl="0" eaLnBrk="1" latinLnBrk="0" hangingPunct="1">
        <a:spcBef>
          <a:spcPts val="400"/>
        </a:spcBef>
        <a:buClr>
          <a:schemeClr val="tx2"/>
        </a:buClr>
        <a:buFont typeface="Arial" panose="020B0604020202020204" pitchFamily="34" charset="0"/>
        <a:buChar char="•"/>
        <a:defRPr sz="2600" kern="1200">
          <a:solidFill>
            <a:schemeClr val="tx1"/>
          </a:solidFill>
          <a:latin typeface="+mn-lt"/>
          <a:ea typeface="+mn-ea"/>
          <a:cs typeface="+mn-cs"/>
        </a:defRPr>
      </a:lvl4pPr>
      <a:lvl5pPr marL="1076325" indent="-266700" algn="l" defTabSz="1088959" rtl="0" eaLnBrk="1" latinLnBrk="0" hangingPunct="1">
        <a:spcBef>
          <a:spcPts val="400"/>
        </a:spcBef>
        <a:buClr>
          <a:schemeClr val="tx2"/>
        </a:buClr>
        <a:buFont typeface="Arial" panose="020B0604020202020204" pitchFamily="34" charset="0"/>
        <a:buChar char="•"/>
        <a:defRPr sz="2600" kern="1200">
          <a:solidFill>
            <a:schemeClr val="tx1"/>
          </a:solidFill>
          <a:latin typeface="+mn-lt"/>
          <a:ea typeface="+mn-ea"/>
          <a:cs typeface="+mn-cs"/>
        </a:defRPr>
      </a:lvl5pPr>
      <a:lvl6pPr marL="2994637" indent="-272240" algn="l" defTabSz="1088959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539117" indent="-272240" algn="l" defTabSz="1088959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083596" indent="-272240" algn="l" defTabSz="1088959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628076" indent="-272240" algn="l" defTabSz="1088959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1pPr>
      <a:lvl2pPr marL="544479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2pPr>
      <a:lvl3pPr marL="1088959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3pPr>
      <a:lvl4pPr marL="1633438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4pPr>
      <a:lvl5pPr marL="2177918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5pPr>
      <a:lvl6pPr marL="2722397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266877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811356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355836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1024661" y="585352"/>
            <a:ext cx="9725135" cy="14999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024662" y="2286529"/>
            <a:ext cx="9725136" cy="4024292"/>
          </a:xfrm>
          <a:prstGeom prst="rect">
            <a:avLst/>
          </a:prstGeom>
        </p:spPr>
        <p:txBody>
          <a:bodyPr vert="horz" lIns="45720" tIns="45720" rIns="4572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1024663" y="6472202"/>
            <a:ext cx="2155265" cy="27438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000">
                <a:solidFill>
                  <a:schemeClr val="tx1">
                    <a:lumMod val="95000"/>
                    <a:lumOff val="5000"/>
                  </a:schemeClr>
                </a:solidFill>
                <a:latin typeface="+mj-lt"/>
              </a:defRPr>
            </a:lvl1pPr>
          </a:lstStyle>
          <a:p>
            <a:fld id="{01075333-987F-4366-A35D-5F856E504B69}" type="datetimeFigureOut">
              <a:rPr lang="en-US" smtClean="0"/>
              <a:pPr/>
              <a:t>11-Jul-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845455" y="6472202"/>
            <a:ext cx="5904533" cy="27438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000" cap="all" baseline="0">
                <a:solidFill>
                  <a:schemeClr val="tx1">
                    <a:lumMod val="95000"/>
                    <a:lumOff val="5000"/>
                  </a:schemeClr>
                </a:solidFill>
                <a:latin typeface="+mj-lt"/>
              </a:defRPr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10842978" y="6472202"/>
            <a:ext cx="974174" cy="27438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000">
                <a:solidFill>
                  <a:schemeClr val="tx1">
                    <a:lumMod val="95000"/>
                    <a:lumOff val="5000"/>
                  </a:schemeClr>
                </a:solidFill>
                <a:latin typeface="+mj-lt"/>
              </a:defRPr>
            </a:lvl1pPr>
          </a:lstStyle>
          <a:p>
            <a:fld id="{42D8211A-935E-4250-867B-837F2994C07B}" type="slidenum">
              <a:rPr lang="en-US" smtClean="0"/>
              <a:pPr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/>
        </p:nvCxnSpPr>
        <p:spPr>
          <a:xfrm flipV="1">
            <a:off x="762397" y="826515"/>
            <a:ext cx="0" cy="914612"/>
          </a:xfrm>
          <a:prstGeom prst="line">
            <a:avLst/>
          </a:prstGeom>
          <a:ln w="1905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92388978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08" r:id="rId1"/>
    <p:sldLayoutId id="2147483809" r:id="rId2"/>
    <p:sldLayoutId id="2147483810" r:id="rId3"/>
    <p:sldLayoutId id="2147483811" r:id="rId4"/>
    <p:sldLayoutId id="2147483812" r:id="rId5"/>
    <p:sldLayoutId id="2147483813" r:id="rId6"/>
    <p:sldLayoutId id="2147483814" r:id="rId7"/>
    <p:sldLayoutId id="2147483815" r:id="rId8"/>
    <p:sldLayoutId id="2147483816" r:id="rId9"/>
    <p:sldLayoutId id="2147483817" r:id="rId10"/>
    <p:sldLayoutId id="2147483818" r:id="rId11"/>
    <p:sldLayoutId id="2147483819" r:id="rId12"/>
  </p:sldLayoutIdLst>
  <p:txStyles>
    <p:titleStyle>
      <a:lvl1pPr algn="l" defTabSz="914583" rtl="0" eaLnBrk="1" latinLnBrk="0" hangingPunct="1">
        <a:lnSpc>
          <a:spcPct val="80000"/>
        </a:lnSpc>
        <a:spcBef>
          <a:spcPct val="0"/>
        </a:spcBef>
        <a:buNone/>
        <a:defRPr sz="5001" kern="1200" cap="all" spc="100" baseline="0">
          <a:solidFill>
            <a:schemeClr val="tx1">
              <a:lumMod val="95000"/>
              <a:lumOff val="5000"/>
            </a:schemeClr>
          </a:solidFill>
          <a:latin typeface="+mj-lt"/>
          <a:ea typeface="+mj-ea"/>
          <a:cs typeface="+mj-cs"/>
        </a:defRPr>
      </a:lvl1pPr>
    </p:titleStyle>
    <p:bodyStyle>
      <a:lvl1pPr marL="91458" indent="-91458" algn="l" defTabSz="914583" rtl="0" eaLnBrk="1" latinLnBrk="0" hangingPunct="1">
        <a:lnSpc>
          <a:spcPct val="90000"/>
        </a:lnSpc>
        <a:spcBef>
          <a:spcPts val="1200"/>
        </a:spcBef>
        <a:spcAft>
          <a:spcPts val="200"/>
        </a:spcAft>
        <a:buClr>
          <a:schemeClr val="accent1"/>
        </a:buClr>
        <a:buSzPct val="100000"/>
        <a:buFont typeface="Tw Cen MT" panose="020B0602020104020603" pitchFamily="34" charset="0"/>
        <a:buChar char=" "/>
        <a:defRPr sz="2200" kern="1200">
          <a:solidFill>
            <a:schemeClr val="tx1"/>
          </a:solidFill>
          <a:latin typeface="+mn-lt"/>
          <a:ea typeface="+mn-ea"/>
          <a:cs typeface="+mn-cs"/>
        </a:defRPr>
      </a:lvl1pPr>
      <a:lvl2pPr marL="265229" indent="-137187" algn="l" defTabSz="914583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Wingdings 3" pitchFamily="18" charset="2"/>
        <a:buChar char="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448146" indent="-137187" algn="l" defTabSz="914583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Wingdings 3" pitchFamily="18" charset="2"/>
        <a:buChar char="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594479" indent="-137187" algn="l" defTabSz="914583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Wingdings 3" pitchFamily="18" charset="2"/>
        <a:buChar char="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777395" indent="-137187" algn="l" defTabSz="914583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Wingdings 3" pitchFamily="18" charset="2"/>
        <a:buChar char="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914583" indent="-137187" algn="l" defTabSz="914583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Wingdings 3" pitchFamily="18" charset="2"/>
        <a:buChar char=""/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1060916" indent="-137187" algn="l" defTabSz="914583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Wingdings 3" pitchFamily="18" charset="2"/>
        <a:buChar char=""/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1216395" indent="-137187" algn="l" defTabSz="914583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Wingdings 3" pitchFamily="18" charset="2"/>
        <a:buChar char=""/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1362728" indent="-137187" algn="l" defTabSz="914583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Wingdings 3" pitchFamily="18" charset="2"/>
        <a:buChar char=""/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58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91" algn="l" defTabSz="91458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583" algn="l" defTabSz="91458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874" algn="l" defTabSz="91458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9166" algn="l" defTabSz="91458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457" algn="l" defTabSz="91458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749" algn="l" defTabSz="91458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1040" algn="l" defTabSz="91458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8332" algn="l" defTabSz="91458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87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57.xml"/><Relationship Id="rId5" Type="http://schemas.openxmlformats.org/officeDocument/2006/relationships/image" Target="../media/image38.png"/><Relationship Id="rId4" Type="http://schemas.openxmlformats.org/officeDocument/2006/relationships/image" Target="../media/image37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58.xml"/><Relationship Id="rId6" Type="http://schemas.openxmlformats.org/officeDocument/2006/relationships/image" Target="../media/image37.png"/><Relationship Id="rId5" Type="http://schemas.openxmlformats.org/officeDocument/2006/relationships/image" Target="../media/image39.png"/><Relationship Id="rId4" Type="http://schemas.openxmlformats.org/officeDocument/2006/relationships/image" Target="../media/image38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59.xml"/><Relationship Id="rId4" Type="http://schemas.openxmlformats.org/officeDocument/2006/relationships/image" Target="../media/image40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60.xml"/><Relationship Id="rId4" Type="http://schemas.openxmlformats.org/officeDocument/2006/relationships/image" Target="../media/image41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61.xml"/><Relationship Id="rId4" Type="http://schemas.openxmlformats.org/officeDocument/2006/relationships/image" Target="../media/image42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6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49.xml"/><Relationship Id="rId4" Type="http://schemas.openxmlformats.org/officeDocument/2006/relationships/image" Target="../media/image32.jpe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50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51.xml"/><Relationship Id="rId4" Type="http://schemas.openxmlformats.org/officeDocument/2006/relationships/image" Target="../media/image33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52.xml"/><Relationship Id="rId5" Type="http://schemas.openxmlformats.org/officeDocument/2006/relationships/image" Target="../media/image35.png"/><Relationship Id="rId4" Type="http://schemas.openxmlformats.org/officeDocument/2006/relationships/image" Target="../media/image34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53.xml"/><Relationship Id="rId5" Type="http://schemas.openxmlformats.org/officeDocument/2006/relationships/image" Target="../media/image36.png"/><Relationship Id="rId4" Type="http://schemas.openxmlformats.org/officeDocument/2006/relationships/image" Target="../media/image34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54.xml"/><Relationship Id="rId4" Type="http://schemas.openxmlformats.org/officeDocument/2006/relationships/image" Target="../media/image34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55.xml"/><Relationship Id="rId4" Type="http://schemas.openxmlformats.org/officeDocument/2006/relationships/image" Target="../media/image34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87.xml"/><Relationship Id="rId1" Type="http://schemas.openxmlformats.org/officeDocument/2006/relationships/tags" Target="../tags/tag156.xml"/><Relationship Id="rId4" Type="http://schemas.openxmlformats.org/officeDocument/2006/relationships/image" Target="../media/image37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8A8E50D-7C01-4C90-AC0A-23D880172B7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Titel 4">
            <a:extLst>
              <a:ext uri="{FF2B5EF4-FFF2-40B4-BE49-F238E27FC236}">
                <a16:creationId xmlns:a16="http://schemas.microsoft.com/office/drawing/2014/main" id="{7C552763-4098-414D-A05E-94DBC84748CF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 bwMode="gray">
          <a:xfrm>
            <a:off x="883984" y="3067610"/>
            <a:ext cx="11160125" cy="2308324"/>
          </a:xfrm>
        </p:spPr>
        <p:txBody>
          <a:bodyPr>
            <a:normAutofit fontScale="97500"/>
          </a:bodyPr>
          <a:lstStyle/>
          <a:p>
            <a:r>
              <a:rPr lang="en-US" sz="6000" i="1" cap="small" spc="300"/>
              <a:t>TDD and Coding </a:t>
            </a:r>
            <a:r>
              <a:rPr lang="en-US" sz="6000" i="1" cap="small" spc="300" dirty="0"/>
              <a:t>Kata </a:t>
            </a:r>
            <a:br>
              <a:rPr lang="en-US" sz="6000" i="1" cap="small" spc="300" dirty="0"/>
            </a:br>
            <a:endParaRPr lang="en-US" sz="6000" i="1" cap="small" spc="300" dirty="0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528A28D3-808F-43ED-995C-B20B682C2947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D1848FC3-6AAC-4B35-B235-1F384C7B2F9A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87718159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>
          <a:xfrm>
            <a:off x="482601" y="216377"/>
            <a:ext cx="9144000" cy="369332"/>
          </a:xfrm>
        </p:spPr>
        <p:txBody>
          <a:bodyPr>
            <a:normAutofit fontScale="90000"/>
          </a:bodyPr>
          <a:lstStyle/>
          <a:p>
            <a:r>
              <a:rPr lang="en-US" sz="2400" b="0" dirty="0"/>
              <a:t>Example </a:t>
            </a:r>
            <a:r>
              <a:rPr lang="en-US" sz="2400" b="0" dirty="0" err="1"/>
              <a:t>contd</a:t>
            </a:r>
            <a:r>
              <a:rPr lang="en-US" sz="2400" b="0" dirty="0"/>
              <a:t>…</a:t>
            </a:r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55CCEE5E-66B6-4694-8F5D-8072E51C0E29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951720" y="2366725"/>
            <a:ext cx="5786904" cy="1542295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707D7A10-3CA8-4D5C-A64C-BF6CE6B30F54}"/>
              </a:ext>
            </a:extLst>
          </p:cNvPr>
          <p:cNvPicPr>
            <a:picLocks noChangeAspect="1"/>
          </p:cNvPicPr>
          <p:nvPr/>
        </p:nvPicPr>
        <p:blipFill rotWithShape="1">
          <a:blip r:embed="rId5"/>
          <a:srcRect l="5848" t="18160" r="36982" b="50631"/>
          <a:stretch/>
        </p:blipFill>
        <p:spPr>
          <a:xfrm>
            <a:off x="7383780" y="1988820"/>
            <a:ext cx="3954780" cy="1885950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44552520"/>
      </p:ext>
    </p:extLst>
  </p:cSld>
  <p:clrMapOvr>
    <a:masterClrMapping/>
  </p:clrMapOvr>
  <p:transition/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>
          <a:xfrm>
            <a:off x="482601" y="216377"/>
            <a:ext cx="9144000" cy="369332"/>
          </a:xfrm>
        </p:spPr>
        <p:txBody>
          <a:bodyPr>
            <a:normAutofit fontScale="90000"/>
          </a:bodyPr>
          <a:lstStyle/>
          <a:p>
            <a:r>
              <a:rPr lang="en-US" sz="2400" b="0" dirty="0"/>
              <a:t>Example </a:t>
            </a:r>
            <a:r>
              <a:rPr lang="en-US" sz="2400" b="0" dirty="0" err="1"/>
              <a:t>contd</a:t>
            </a:r>
            <a:r>
              <a:rPr lang="en-US" sz="2400" b="0" dirty="0"/>
              <a:t>…</a:t>
            </a:r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69CA8471-F013-4699-AE67-78D2A964C195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l="6611" t="14944" b="25475"/>
          <a:stretch/>
        </p:blipFill>
        <p:spPr>
          <a:xfrm>
            <a:off x="1840473" y="1349692"/>
            <a:ext cx="6460144" cy="3600450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E7BC0E79-04F9-4458-97D8-90E8D6FB4E9B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7081923" y="1457706"/>
            <a:ext cx="3368907" cy="1812317"/>
          </a:xfrm>
          <a:prstGeom prst="rect">
            <a:avLst/>
          </a:prstGeom>
          <a:solidFill>
            <a:srgbClr val="FFFFCC"/>
          </a:solidFill>
          <a:ln w="69850">
            <a:solidFill>
              <a:schemeClr val="accent1"/>
            </a:solidFill>
          </a:ln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4338CCC0-C295-4C25-BBE1-02FAF9438A2C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840473" y="5055355"/>
            <a:ext cx="5786904" cy="154229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64680559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Advantages of TDD</a:t>
            </a:r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sp>
        <p:nvSpPr>
          <p:cNvPr id="6" name="Rectangle 5"/>
          <p:cNvSpPr/>
          <p:nvPr/>
        </p:nvSpPr>
        <p:spPr>
          <a:xfrm>
            <a:off x="482600" y="1873280"/>
            <a:ext cx="10991360" cy="310854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457200" indent="-457200">
              <a:buFont typeface="Wingdings" panose="05000000000000000000" pitchFamily="2" charset="2"/>
              <a:buChar char="Ø"/>
            </a:pPr>
            <a:r>
              <a:rPr lang="en-US" dirty="0"/>
              <a:t>Well tested code</a:t>
            </a:r>
          </a:p>
          <a:p>
            <a:pPr marL="457200" indent="-457200">
              <a:buFont typeface="Wingdings" panose="05000000000000000000" pitchFamily="2" charset="2"/>
              <a:buChar char="Ø"/>
            </a:pPr>
            <a:endParaRPr lang="en-US" dirty="0"/>
          </a:p>
          <a:p>
            <a:pPr marL="457200" indent="-457200">
              <a:buFont typeface="Wingdings" panose="05000000000000000000" pitchFamily="2" charset="2"/>
              <a:buChar char="Ø"/>
            </a:pPr>
            <a:r>
              <a:rPr lang="en-US" dirty="0"/>
              <a:t>Different point of view</a:t>
            </a:r>
          </a:p>
          <a:p>
            <a:pPr marL="457200" indent="-457200">
              <a:buFont typeface="Wingdings" panose="05000000000000000000" pitchFamily="2" charset="2"/>
              <a:buChar char="Ø"/>
            </a:pPr>
            <a:endParaRPr lang="en-US" dirty="0"/>
          </a:p>
          <a:p>
            <a:pPr marL="457200" indent="-457200">
              <a:buFont typeface="Wingdings" panose="05000000000000000000" pitchFamily="2" charset="2"/>
              <a:buChar char="Ø"/>
            </a:pPr>
            <a:r>
              <a:rPr lang="en-US" dirty="0"/>
              <a:t>Code written is testable</a:t>
            </a:r>
          </a:p>
          <a:p>
            <a:pPr marL="457200" indent="-457200">
              <a:buFont typeface="Wingdings" panose="05000000000000000000" pitchFamily="2" charset="2"/>
              <a:buChar char="Ø"/>
            </a:pPr>
            <a:endParaRPr lang="en-US" dirty="0"/>
          </a:p>
          <a:p>
            <a:pPr marL="457200" indent="-457200">
              <a:buFont typeface="Wingdings" panose="05000000000000000000" pitchFamily="2" charset="2"/>
              <a:buChar char="Ø"/>
            </a:pPr>
            <a:r>
              <a:rPr lang="en-US" dirty="0"/>
              <a:t>Acts as a form of documentation</a:t>
            </a:r>
          </a:p>
          <a:p>
            <a:pPr marL="457200" indent="-457200"/>
            <a:r>
              <a:rPr lang="en-US" dirty="0"/>
              <a:t>…</a:t>
            </a:r>
          </a:p>
          <a:p>
            <a:endParaRPr lang="en-US" sz="2800" b="1" i="1" dirty="0"/>
          </a:p>
        </p:txBody>
      </p:sp>
      <p:pic>
        <p:nvPicPr>
          <p:cNvPr id="120834" name="Picture 2" descr="D:\Ddrive\Manjunath\Presentations\Images\Advantages.jpg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8854709" y="2532184"/>
            <a:ext cx="2908666" cy="2908667"/>
          </a:xfrm>
          <a:prstGeom prst="rect">
            <a:avLst/>
          </a:prstGeom>
          <a:noFill/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39208263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Kata</a:t>
            </a:r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sp>
        <p:nvSpPr>
          <p:cNvPr id="6" name="Rectangle 5"/>
          <p:cNvSpPr/>
          <p:nvPr/>
        </p:nvSpPr>
        <p:spPr>
          <a:xfrm>
            <a:off x="495545" y="2584939"/>
            <a:ext cx="10991360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800" b="0" i="0" dirty="0">
                <a:solidFill>
                  <a:srgbClr val="202124"/>
                </a:solidFill>
                <a:effectLst/>
                <a:latin typeface="arial" panose="020B0604020202020204" pitchFamily="34" charset="0"/>
              </a:rPr>
              <a:t>An individual training exercise in karate and </a:t>
            </a:r>
          </a:p>
          <a:p>
            <a:r>
              <a:rPr lang="en-US" sz="2800" b="0" i="0" dirty="0">
                <a:solidFill>
                  <a:srgbClr val="202124"/>
                </a:solidFill>
                <a:effectLst/>
                <a:latin typeface="arial" panose="020B0604020202020204" pitchFamily="34" charset="0"/>
              </a:rPr>
              <a:t>other martial arts.</a:t>
            </a:r>
            <a:endParaRPr lang="en-US" sz="2800" b="1" u="sng" dirty="0"/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9E9C3353-C054-4FB9-9C17-397153DE64E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982716" y="1605410"/>
            <a:ext cx="2504189" cy="3896112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39208263"/>
      </p:ext>
    </p:extLst>
  </p:cSld>
  <p:clrMapOvr>
    <a:masterClrMapping/>
  </p:clrMapOvr>
  <p:transition/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endParaRPr lang="en-US" dirty="0"/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5EC41094-FA4B-4FA2-A1C0-35D3D6222AE3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554730" y="471353"/>
            <a:ext cx="5280660" cy="6139853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567399579"/>
      </p:ext>
    </p:extLst>
  </p:cSld>
  <p:clrMapOvr>
    <a:masterClrMapping/>
  </p:clrMapOvr>
  <p:transition/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Exercise</a:t>
            </a:r>
          </a:p>
        </p:txBody>
      </p:sp>
      <p:sp>
        <p:nvSpPr>
          <p:cNvPr id="6" name="Rectangle 5"/>
          <p:cNvSpPr/>
          <p:nvPr/>
        </p:nvSpPr>
        <p:spPr>
          <a:xfrm>
            <a:off x="688144" y="2842776"/>
            <a:ext cx="8389354" cy="8463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endParaRPr lang="en-US" dirty="0"/>
          </a:p>
          <a:p>
            <a:r>
              <a:rPr lang="en-US" dirty="0"/>
              <a:t>Let us use TDD to develop </a:t>
            </a:r>
            <a:r>
              <a:rPr lang="en-US" sz="2800" b="1" i="1" dirty="0"/>
              <a:t>“</a:t>
            </a:r>
            <a:r>
              <a:rPr lang="en-US" sz="2800" b="1" i="1" dirty="0" err="1"/>
              <a:t>FizzBuzz</a:t>
            </a:r>
            <a:r>
              <a:rPr lang="en-US" sz="2800" b="1" i="1" dirty="0"/>
              <a:t>” kata </a:t>
            </a:r>
            <a:r>
              <a:rPr lang="en-US" dirty="0"/>
              <a:t>Using C# and </a:t>
            </a:r>
            <a:r>
              <a:rPr lang="en-US" dirty="0" err="1"/>
              <a:t>Nunit</a:t>
            </a:r>
            <a:r>
              <a:rPr lang="en-US" dirty="0"/>
              <a:t>.</a:t>
            </a:r>
            <a:endParaRPr lang="en-US" b="1" u="sng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416714727"/>
      </p:ext>
    </p:extLst>
  </p:cSld>
  <p:clrMapOvr>
    <a:masterClrMapping/>
  </p:clrMapOvr>
  <p:transition/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Agenda</a:t>
            </a:r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sp>
        <p:nvSpPr>
          <p:cNvPr id="6" name="TextBox 5"/>
          <p:cNvSpPr txBox="1"/>
          <p:nvPr/>
        </p:nvSpPr>
        <p:spPr>
          <a:xfrm flipH="1">
            <a:off x="1669562" y="1899138"/>
            <a:ext cx="6524868" cy="2585323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>
              <a:buFont typeface="Wingdings" pitchFamily="2" charset="2"/>
              <a:buChar char="Ø"/>
            </a:pPr>
            <a:r>
              <a:rPr lang="en-US" sz="2800" dirty="0"/>
              <a:t> What is TDD</a:t>
            </a:r>
          </a:p>
          <a:p>
            <a:pPr>
              <a:buFont typeface="Wingdings" pitchFamily="2" charset="2"/>
              <a:buChar char="Ø"/>
            </a:pPr>
            <a:endParaRPr lang="en-US" sz="2800" dirty="0"/>
          </a:p>
          <a:p>
            <a:pPr>
              <a:buFont typeface="Wingdings" pitchFamily="2" charset="2"/>
              <a:buChar char="Ø"/>
            </a:pPr>
            <a:r>
              <a:rPr lang="en-US" sz="2800" dirty="0"/>
              <a:t> What is a kata </a:t>
            </a:r>
          </a:p>
          <a:p>
            <a:pPr>
              <a:buFont typeface="Wingdings" pitchFamily="2" charset="2"/>
              <a:buChar char="Ø"/>
            </a:pPr>
            <a:endParaRPr lang="en-US" sz="2800" dirty="0"/>
          </a:p>
          <a:p>
            <a:pPr>
              <a:buFont typeface="Wingdings" pitchFamily="2" charset="2"/>
              <a:buChar char="Ø"/>
            </a:pPr>
            <a:r>
              <a:rPr lang="en-US" sz="2800" dirty="0"/>
              <a:t> Demo</a:t>
            </a:r>
          </a:p>
          <a:p>
            <a:pPr>
              <a:buFont typeface="Wingdings" pitchFamily="2" charset="2"/>
              <a:buChar char="Ø"/>
            </a:pPr>
            <a:endParaRPr lang="en-US" sz="2800" dirty="0"/>
          </a:p>
        </p:txBody>
      </p:sp>
      <p:pic>
        <p:nvPicPr>
          <p:cNvPr id="119810" name="Picture 2" descr="D:\Ddrive\Manjunath\Presentations\Images\agenda.jpeg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7404711" y="1819275"/>
            <a:ext cx="3302000" cy="2806700"/>
          </a:xfrm>
          <a:prstGeom prst="rect">
            <a:avLst/>
          </a:prstGeom>
          <a:noFill/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39208263"/>
      </p:ext>
    </p:extLst>
  </p:cSld>
  <p:clrMapOvr>
    <a:masterClrMapping/>
  </p:clrMapOvr>
  <p:transition/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TDD </a:t>
            </a:r>
            <a:r>
              <a:rPr lang="en-US" sz="2000" dirty="0"/>
              <a:t>(Test driven development)</a:t>
            </a:r>
            <a:endParaRPr lang="en-US" dirty="0"/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sp>
        <p:nvSpPr>
          <p:cNvPr id="6" name="TextBox 5"/>
          <p:cNvSpPr txBox="1"/>
          <p:nvPr/>
        </p:nvSpPr>
        <p:spPr>
          <a:xfrm flipH="1">
            <a:off x="3024504" y="2024868"/>
            <a:ext cx="5083809" cy="2031325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en-US" sz="4400" b="1" i="1" dirty="0">
                <a:solidFill>
                  <a:srgbClr val="00B050"/>
                </a:solidFill>
              </a:rPr>
              <a:t>Writing</a:t>
            </a:r>
            <a:r>
              <a:rPr lang="en-US" sz="3600" dirty="0"/>
              <a:t> </a:t>
            </a:r>
            <a:r>
              <a:rPr lang="en-US" sz="4400" b="1" i="1" dirty="0">
                <a:solidFill>
                  <a:srgbClr val="00B050"/>
                </a:solidFill>
              </a:rPr>
              <a:t>unit tests before the production code is written</a:t>
            </a:r>
            <a:endParaRPr lang="en-US" sz="3200" b="1" dirty="0">
              <a:solidFill>
                <a:schemeClr val="accent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9208263"/>
      </p:ext>
    </p:extLst>
  </p:cSld>
  <p:clrMapOvr>
    <a:masterClrMapping/>
  </p:clrMapOvr>
  <p:transition/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8">
            <a:extLst>
              <a:ext uri="{FF2B5EF4-FFF2-40B4-BE49-F238E27FC236}">
                <a16:creationId xmlns:a16="http://schemas.microsoft.com/office/drawing/2014/main" id="{25992CED-013C-4248-AB5B-EFE8E2620A9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5434A4B3-E895-4B19-B66D-967A3D70E932}"/>
              </a:ext>
            </a:extLst>
          </p:cNvPr>
          <p:cNvSpPr/>
          <p:nvPr/>
        </p:nvSpPr>
        <p:spPr>
          <a:xfrm>
            <a:off x="3355174" y="3962037"/>
            <a:ext cx="1593130" cy="1564849"/>
          </a:xfrm>
          <a:prstGeom prst="rect">
            <a:avLst/>
          </a:prstGeom>
          <a:solidFill>
            <a:srgbClr val="FFFFFF">
              <a:alpha val="99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56A9475B-F185-4283-A0E3-E93A6B69F483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460729" y="971551"/>
            <a:ext cx="7409883" cy="5006340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39208263"/>
      </p:ext>
    </p:extLst>
  </p:cSld>
  <p:clrMapOvr>
    <a:masterClrMapping/>
  </p:clrMapOvr>
  <p:transition/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Step 1</a:t>
            </a:r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pic>
        <p:nvPicPr>
          <p:cNvPr id="118786" name="Picture 2"/>
          <p:cNvPicPr>
            <a:picLocks noChangeAspect="1" noChangeArrowheads="1"/>
          </p:cNvPicPr>
          <p:nvPr/>
        </p:nvPicPr>
        <p:blipFill rotWithShape="1">
          <a:blip r:embed="rId4"/>
          <a:srcRect t="-41468" r="52381" b="41468"/>
          <a:stretch/>
        </p:blipFill>
        <p:spPr bwMode="auto">
          <a:xfrm>
            <a:off x="1655174" y="108050"/>
            <a:ext cx="2862263" cy="50239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Rectangle 2">
            <a:extLst>
              <a:ext uri="{FF2B5EF4-FFF2-40B4-BE49-F238E27FC236}">
                <a16:creationId xmlns:a16="http://schemas.microsoft.com/office/drawing/2014/main" id="{5434A4B3-E895-4B19-B66D-967A3D70E932}"/>
              </a:ext>
            </a:extLst>
          </p:cNvPr>
          <p:cNvSpPr/>
          <p:nvPr/>
        </p:nvSpPr>
        <p:spPr>
          <a:xfrm>
            <a:off x="3355174" y="3962037"/>
            <a:ext cx="1593130" cy="1564849"/>
          </a:xfrm>
          <a:prstGeom prst="rect">
            <a:avLst/>
          </a:prstGeom>
          <a:solidFill>
            <a:srgbClr val="FFFFFF">
              <a:alpha val="99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3AB0BE66-8159-473F-8893-7C39B8A18102}"/>
              </a:ext>
            </a:extLst>
          </p:cNvPr>
          <p:cNvPicPr>
            <a:picLocks noChangeAspect="1"/>
          </p:cNvPicPr>
          <p:nvPr/>
        </p:nvPicPr>
        <p:blipFill rotWithShape="1">
          <a:blip r:embed="rId5"/>
          <a:srcRect r="12236"/>
          <a:stretch/>
        </p:blipFill>
        <p:spPr>
          <a:xfrm>
            <a:off x="5054601" y="2174481"/>
            <a:ext cx="6271767" cy="2850142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590935148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Step 2</a:t>
            </a:r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pic>
        <p:nvPicPr>
          <p:cNvPr id="118786" name="Picture 2"/>
          <p:cNvPicPr>
            <a:picLocks noChangeAspect="1" noChangeArrowheads="1"/>
          </p:cNvPicPr>
          <p:nvPr/>
        </p:nvPicPr>
        <p:blipFill rotWithShape="1">
          <a:blip r:embed="rId4"/>
          <a:srcRect l="45823" b="38386"/>
          <a:stretch/>
        </p:blipFill>
        <p:spPr bwMode="auto">
          <a:xfrm>
            <a:off x="2428199" y="1577265"/>
            <a:ext cx="3256470" cy="309545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Rectangle 2">
            <a:extLst>
              <a:ext uri="{FF2B5EF4-FFF2-40B4-BE49-F238E27FC236}">
                <a16:creationId xmlns:a16="http://schemas.microsoft.com/office/drawing/2014/main" id="{553E60D2-91A1-473B-9B41-28116CB53113}"/>
              </a:ext>
            </a:extLst>
          </p:cNvPr>
          <p:cNvSpPr/>
          <p:nvPr/>
        </p:nvSpPr>
        <p:spPr>
          <a:xfrm>
            <a:off x="1874066" y="3124994"/>
            <a:ext cx="1507787" cy="1453491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51EF782D-40C8-48E7-96AB-D3CF6A7EA70D}"/>
              </a:ext>
            </a:extLst>
          </p:cNvPr>
          <p:cNvPicPr>
            <a:picLocks noChangeAspect="1"/>
          </p:cNvPicPr>
          <p:nvPr/>
        </p:nvPicPr>
        <p:blipFill rotWithShape="1">
          <a:blip r:embed="rId5"/>
          <a:srcRect r="9463"/>
          <a:stretch/>
        </p:blipFill>
        <p:spPr>
          <a:xfrm>
            <a:off x="6238802" y="1385108"/>
            <a:ext cx="4855918" cy="3831048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438653062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Step 3</a:t>
            </a:r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pic>
        <p:nvPicPr>
          <p:cNvPr id="118786" name="Picture 2"/>
          <p:cNvPicPr>
            <a:picLocks noChangeAspect="1" noChangeArrowheads="1"/>
          </p:cNvPicPr>
          <p:nvPr/>
        </p:nvPicPr>
        <p:blipFill rotWithShape="1">
          <a:blip r:embed="rId4"/>
          <a:srcRect t="57548"/>
          <a:stretch/>
        </p:blipFill>
        <p:spPr bwMode="auto">
          <a:xfrm>
            <a:off x="3236912" y="2363413"/>
            <a:ext cx="6010783" cy="21327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734989721"/>
      </p:ext>
    </p:extLst>
  </p:cSld>
  <p:clrMapOvr>
    <a:masterClrMapping/>
  </p:clrMapOvr>
  <p:transition/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The technique of TDD</a:t>
            </a:r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pic>
        <p:nvPicPr>
          <p:cNvPr id="118786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3236912" y="1486270"/>
            <a:ext cx="6010783" cy="50239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727128758"/>
      </p:ext>
    </p:extLst>
  </p:cSld>
  <p:clrMapOvr>
    <a:masterClrMapping/>
  </p:clrMapOvr>
  <p:transition/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el 7"/>
          <p:cNvSpPr>
            <a:spLocks noGrp="1"/>
          </p:cNvSpPr>
          <p:nvPr>
            <p:ph type="title"/>
          </p:nvPr>
        </p:nvSpPr>
        <p:spPr bwMode="gray">
          <a:xfrm>
            <a:off x="482601" y="216377"/>
            <a:ext cx="9144000" cy="369332"/>
          </a:xfrm>
        </p:spPr>
        <p:txBody>
          <a:bodyPr>
            <a:normAutofit fontScale="90000"/>
          </a:bodyPr>
          <a:lstStyle/>
          <a:p>
            <a:r>
              <a:rPr lang="en-US" sz="2400" b="0" dirty="0"/>
              <a:t>Example </a:t>
            </a:r>
            <a:r>
              <a:rPr lang="en-US" sz="2400" b="0" dirty="0" err="1"/>
              <a:t>contd</a:t>
            </a:r>
            <a:r>
              <a:rPr lang="en-US" sz="2400" b="0" dirty="0"/>
              <a:t>…</a:t>
            </a:r>
          </a:p>
        </p:txBody>
      </p:sp>
      <p:sp>
        <p:nvSpPr>
          <p:cNvPr id="2" name="Textplatzhalter 1"/>
          <p:cNvSpPr>
            <a:spLocks noGrp="1"/>
          </p:cNvSpPr>
          <p:nvPr>
            <p:ph type="body" sz="quarter" idx="10"/>
          </p:nvPr>
        </p:nvSpPr>
        <p:spPr bwMode="gray"/>
        <p:txBody>
          <a:bodyPr/>
          <a:lstStyle/>
          <a:p>
            <a:endParaRPr lang="en-US" dirty="0"/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55CCEE5E-66B6-4694-8F5D-8072E51C0E29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951720" y="2366725"/>
            <a:ext cx="5786904" cy="154229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088011868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  <p:tag name="ARTICULATE_PROJECT_OPEN" val="0"/>
  <p:tag name="ARTICULATE_SLIDE_COUNT" val="52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9"/>
  <p:tag name="CDT_PROT" val="3"/>
  <p:tag name="CDT_PROT_TOP" val="519,5"/>
  <p:tag name="CDT_PROT_LEFT" val="298,2492"/>
  <p:tag name="CDT_PROT_WIDTH" val="662,2507"/>
  <p:tag name="CDT_PROT_HEIGHT" val="20,5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_rels/theme4.xml.rels><?xml version="1.0" encoding="UTF-8" standalone="yes"?>
<Relationships xmlns="http://schemas.openxmlformats.org/package/2006/relationships"><Relationship Id="rId1" Type="http://schemas.openxmlformats.org/officeDocument/2006/relationships/image" Target="../media/image31.jpeg"/></Relationships>
</file>

<file path=ppt/theme/theme1.xml><?xml version="1.0" encoding="utf-8"?>
<a:theme xmlns:a="http://schemas.openxmlformats.org/drawingml/2006/main" name="1_Custom 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Custom 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SH_Clinical_PPT_Template_16x9">
  <a:themeElements>
    <a:clrScheme name="SH_colors">
      <a:dk1>
        <a:srgbClr val="FFFFFF"/>
      </a:dk1>
      <a:lt1>
        <a:srgbClr val="000000"/>
      </a:lt1>
      <a:dk2>
        <a:srgbClr val="EC6602"/>
      </a:dk2>
      <a:lt2>
        <a:srgbClr val="D5D2D0"/>
      </a:lt2>
      <a:accent1>
        <a:srgbClr val="EC6602"/>
      </a:accent1>
      <a:accent2>
        <a:srgbClr val="910041"/>
      </a:accent2>
      <a:accent3>
        <a:srgbClr val="009999"/>
      </a:accent3>
      <a:accent4>
        <a:srgbClr val="F9B591"/>
      </a:accent4>
      <a:accent5>
        <a:srgbClr val="BE82A5"/>
      </a:accent5>
      <a:accent6>
        <a:srgbClr val="87D2D2"/>
      </a:accent6>
      <a:hlink>
        <a:srgbClr val="EC6602"/>
      </a:hlink>
      <a:folHlink>
        <a:srgbClr val="910041"/>
      </a:folHlink>
    </a:clrScheme>
    <a:fontScheme name="SH_font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ln>
          <a:noFill/>
        </a:ln>
      </a:spPr>
      <a:bodyPr rtlCol="0" anchor="ctr"/>
      <a:lstStyle>
        <a:defPPr algn="ctr">
          <a:defRPr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</a:objectDefaults>
  <a:extraClrSchemeLst/>
  <a:custClrLst>
    <a:custClr name="Healthy Orange 100%">
      <a:srgbClr val="EC6602"/>
    </a:custClr>
    <a:custClr name="Blushing Berry 100%">
      <a:srgbClr val="910041"/>
    </a:custClr>
    <a:custClr name="Siemens Petrol 100%">
      <a:srgbClr val="009999"/>
    </a:custClr>
    <a:custClr name="Strong Slate 100%">
      <a:srgbClr val="2D1E1C"/>
    </a:custClr>
    <a:custClr name="SH Yellow">
      <a:srgbClr val="FFDD00"/>
    </a:custClr>
    <a:custClr name="SH Red">
      <a:srgbClr val="E4001F"/>
    </a:custClr>
    <a:custClr name="SH Purple">
      <a:srgbClr val="5B457F"/>
    </a:custClr>
    <a:custClr name="SH Blue">
      <a:srgbClr val="0095DB"/>
    </a:custClr>
    <a:custClr name="SH Green">
      <a:srgbClr val="009D3C"/>
    </a:custClr>
    <a:custClr name="White">
      <a:srgbClr val="FFFFFF"/>
    </a:custClr>
    <a:custClr name="Healthy Orange 75%">
      <a:srgbClr val="F29257"/>
    </a:custClr>
    <a:custClr name="Blushing Berry 75%">
      <a:srgbClr val="B9507D"/>
    </a:custClr>
    <a:custClr name="Siemens Petrol 75%">
      <a:srgbClr val="00B9B9"/>
    </a:custClr>
    <a:custClr name="Strong Slate 75%">
      <a:srgbClr val="6E6868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Healthy Orange 50%">
      <a:srgbClr val="F9B591"/>
    </a:custClr>
    <a:custClr name="Blushing Berry 50%">
      <a:srgbClr val="BE82A5"/>
    </a:custClr>
    <a:custClr name="Siemens Petrol 50%">
      <a:srgbClr val="87D2D2"/>
    </a:custClr>
    <a:custClr name="Strong Slate 50%">
      <a:srgbClr val="A6A2A0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Healthy Orange 25%">
      <a:srgbClr val="FDDDCB"/>
    </a:custClr>
    <a:custClr name="Blushing Berry 25%">
      <a:srgbClr val="E1C8DC"/>
    </a:custClr>
    <a:custClr name="Siemens Petrol 25%">
      <a:srgbClr val="C8E6E6"/>
    </a:custClr>
    <a:custClr name="Strong Slate 25%">
      <a:srgbClr val="D5D2D0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</a:custClrLst>
</a:theme>
</file>

<file path=ppt/theme/theme4.xml><?xml version="1.0" encoding="utf-8"?>
<a:theme xmlns:a="http://schemas.openxmlformats.org/drawingml/2006/main" name="Integral">
  <a:themeElements>
    <a:clrScheme name="Integral">
      <a:dk1>
        <a:sysClr val="windowText" lastClr="000000"/>
      </a:dk1>
      <a:lt1>
        <a:sysClr val="window" lastClr="FFFFFF"/>
      </a:lt1>
      <a:dk2>
        <a:srgbClr val="335B74"/>
      </a:dk2>
      <a:lt2>
        <a:srgbClr val="DFE3E5"/>
      </a:lt2>
      <a:accent1>
        <a:srgbClr val="1CADE4"/>
      </a:accent1>
      <a:accent2>
        <a:srgbClr val="2683C6"/>
      </a:accent2>
      <a:accent3>
        <a:srgbClr val="27CED7"/>
      </a:accent3>
      <a:accent4>
        <a:srgbClr val="42BA97"/>
      </a:accent4>
      <a:accent5>
        <a:srgbClr val="3E8853"/>
      </a:accent5>
      <a:accent6>
        <a:srgbClr val="62A39F"/>
      </a:accent6>
      <a:hlink>
        <a:srgbClr val="6B9F25"/>
      </a:hlink>
      <a:folHlink>
        <a:srgbClr val="B26B02"/>
      </a:folHlink>
    </a:clrScheme>
    <a:fontScheme name="Integral">
      <a:majorFont>
        <a:latin typeface="Tw Cen MT Condensed" panose="020B0606020104020203"/>
        <a:ea typeface=""/>
        <a:cs typeface=""/>
        <a:font script="Grek" typeface="Calibri"/>
        <a:font script="Cyrl" typeface="Calibri"/>
        <a:font script="Jpan" typeface="メイリオ"/>
        <a:font script="Hang" typeface="HY얕은샘물M"/>
        <a:font script="Hans" typeface="华文仿宋"/>
        <a:font script="Hant" typeface="微軟正黑體"/>
        <a:font script="Arab" typeface="Arial"/>
        <a:font script="Hebr" typeface="Levenim MT"/>
        <a:font script="Thai" typeface="FreesiaUPC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ahoma"/>
        <a:font script="Uigh" typeface="Microsoft Uighur"/>
        <a:font script="Geor" typeface="Sylfaen"/>
      </a:majorFont>
      <a:minorFont>
        <a:latin typeface="Tw Cen MT" panose="020B0602020104020603"/>
        <a:ea typeface=""/>
        <a:cs typeface=""/>
        <a:font script="Grek" typeface="Calibri"/>
        <a:font script="Cyrl" typeface="Calibri"/>
        <a:font script="Jpan" typeface="メイリオ"/>
        <a:font script="Hang" typeface="HY얕은샘물M"/>
        <a:font script="Hans" typeface="华文仿宋"/>
        <a:font script="Hant" typeface="微軟正黑體"/>
        <a:font script="Arab" typeface="Arial"/>
        <a:font script="Hebr" typeface="Levenim MT"/>
        <a:font script="Thai" typeface="FreesiaUPC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ahoma"/>
        <a:font script="Uigh" typeface="Microsoft Uighur"/>
        <a:font script="Geor" typeface="Sylfaen"/>
      </a:minorFont>
    </a:fontScheme>
    <a:fmtScheme name="Integral">
      <a:fillStyleLst>
        <a:solidFill>
          <a:schemeClr val="phClr"/>
        </a:solidFill>
        <a:gradFill rotWithShape="1">
          <a:gsLst>
            <a:gs pos="0">
              <a:schemeClr val="phClr">
                <a:tint val="83000"/>
                <a:satMod val="100000"/>
                <a:lumMod val="100000"/>
              </a:schemeClr>
            </a:gs>
            <a:gs pos="100000">
              <a:schemeClr val="phClr">
                <a:tint val="61000"/>
                <a:satMod val="150000"/>
                <a:lumMod val="100000"/>
              </a:schemeClr>
            </a:gs>
          </a:gsLst>
          <a:path path="circle">
            <a:fillToRect l="100000" t="100000" r="100000" b="100000"/>
          </a:path>
        </a:gradFill>
        <a:gradFill rotWithShape="1">
          <a:gsLst>
            <a:gs pos="0">
              <a:schemeClr val="phClr">
                <a:tint val="100000"/>
                <a:shade val="85000"/>
                <a:satMod val="100000"/>
                <a:lumMod val="100000"/>
              </a:schemeClr>
            </a:gs>
            <a:gs pos="100000">
              <a:schemeClr val="phClr">
                <a:tint val="90000"/>
                <a:shade val="100000"/>
                <a:satMod val="150000"/>
                <a:lumMod val="100000"/>
              </a:schemeClr>
            </a:gs>
          </a:gsLst>
          <a:path path="circle">
            <a:fillToRect l="100000" t="100000" r="100000" b="100000"/>
          </a:path>
        </a:gradFill>
      </a:fillStyleLst>
      <a:lnStyleLst>
        <a:ln w="9525" cap="flat" cmpd="sng" algn="ctr">
          <a:solidFill>
            <a:schemeClr val="phClr"/>
          </a:solidFill>
          <a:prstDash val="solid"/>
        </a:ln>
        <a:ln w="15875" cap="flat" cmpd="sng" algn="ctr">
          <a:solidFill>
            <a:schemeClr val="phClr"/>
          </a:solidFill>
          <a:prstDash val="solid"/>
        </a:ln>
        <a:ln w="19050" cap="flat" cmpd="sng" algn="ctr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>
            <a:outerShdw blurRad="50800" dist="12700" dir="5400000" algn="ctr" rotWithShape="0">
              <a:srgbClr val="000000">
                <a:alpha val="50000"/>
              </a:srgbClr>
            </a:outerShdw>
          </a:effectLst>
        </a:effectStyle>
        <a:effectStyle>
          <a:effectLst>
            <a:outerShdw blurRad="76200" dist="25400" dir="5400000" algn="ctr" rotWithShape="0">
              <a:srgbClr val="000000">
                <a:alpha val="60000"/>
              </a:srgbClr>
            </a:outerShdw>
          </a:effectLst>
          <a:scene3d>
            <a:camera prst="orthographicFront">
              <a:rot lat="0" lon="0" rev="0"/>
            </a:camera>
            <a:lightRig rig="flat" dir="t">
              <a:rot lat="0" lon="0" rev="3600000"/>
            </a:lightRig>
          </a:scene3d>
          <a:sp3d contourW="12700" prstMaterial="flat">
            <a:bevelT w="38100" h="44450" prst="angle"/>
            <a:contourClr>
              <a:schemeClr val="phClr">
                <a:shade val="35000"/>
                <a:satMod val="160000"/>
              </a:schemeClr>
            </a:contourClr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hade val="85000"/>
            <a:satMod val="125000"/>
          </a:schemeClr>
        </a:solidFill>
        <a:blipFill rotWithShape="1">
          <a:blip xmlns:r="http://schemas.openxmlformats.org/officeDocument/2006/relationships" r:embed="rId1">
            <a:duotone>
              <a:schemeClr val="phClr">
                <a:tint val="95000"/>
                <a:shade val="74000"/>
                <a:satMod val="230000"/>
              </a:schemeClr>
              <a:schemeClr val="phClr">
                <a:tint val="92000"/>
                <a:shade val="69000"/>
                <a:satMod val="250000"/>
              </a:schemeClr>
            </a:duotone>
          </a:blip>
          <a:tile tx="0" ty="0" sx="40000" sy="40000" flip="none" algn="tl"/>
        </a:blip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Integral" id="{3577F8C9-A904-41D8-97D2-FD898F53F20E}" vid="{682D6EBE-8D36-4FF2-9DB3-F3D8D7B6715D}"/>
    </a:ext>
  </a:extLst>
</a:theme>
</file>

<file path=ppt/theme/theme5.xml><?xml version="1.0" encoding="utf-8"?>
<a:theme xmlns:a="http://schemas.openxmlformats.org/drawingml/2006/main" name="Larissa">
  <a:themeElements>
    <a:clrScheme name="SH_colors">
      <a:dk1>
        <a:srgbClr val="FFFFFF"/>
      </a:dk1>
      <a:lt1>
        <a:srgbClr val="000000"/>
      </a:lt1>
      <a:dk2>
        <a:srgbClr val="EC6602"/>
      </a:dk2>
      <a:lt2>
        <a:srgbClr val="CAC7C7"/>
      </a:lt2>
      <a:accent1>
        <a:srgbClr val="EC6602"/>
      </a:accent1>
      <a:accent2>
        <a:srgbClr val="830040"/>
      </a:accent2>
      <a:accent3>
        <a:srgbClr val="009999"/>
      </a:accent3>
      <a:accent4>
        <a:srgbClr val="F6B381"/>
      </a:accent4>
      <a:accent5>
        <a:srgbClr val="C180A0"/>
      </a:accent5>
      <a:accent6>
        <a:srgbClr val="80CCCC"/>
      </a:accent6>
      <a:hlink>
        <a:srgbClr val="EC6602"/>
      </a:hlink>
      <a:folHlink>
        <a:srgbClr val="830040"/>
      </a:folHlink>
    </a:clrScheme>
    <a:fontScheme name="SH_font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  <a:custClrLst>
    <a:custClr name="Healthy Orange 100%">
      <a:srgbClr val="EC6602"/>
    </a:custClr>
    <a:custClr name="Blushing Berry 100%">
      <a:srgbClr val="910041"/>
    </a:custClr>
    <a:custClr name="Siemens Petrol 100%">
      <a:srgbClr val="009999"/>
    </a:custClr>
    <a:custClr name="Strong Slate 100%">
      <a:srgbClr val="2D1E1C"/>
    </a:custClr>
    <a:custClr name="SH Yellow">
      <a:srgbClr val="FFDD00"/>
    </a:custClr>
    <a:custClr name="SH Red">
      <a:srgbClr val="E4001F"/>
    </a:custClr>
    <a:custClr name="SH Purple">
      <a:srgbClr val="5B457F"/>
    </a:custClr>
    <a:custClr name="SH Blue">
      <a:srgbClr val="0095DB"/>
    </a:custClr>
    <a:custClr name="SH Green">
      <a:srgbClr val="009D3C"/>
    </a:custClr>
    <a:custClr name="White">
      <a:srgbClr val="FFFFFF"/>
    </a:custClr>
    <a:custClr name="Healthy Orange 75%">
      <a:srgbClr val="F29257"/>
    </a:custClr>
    <a:custClr name="Blushing Berry 75%">
      <a:srgbClr val="B9507D"/>
    </a:custClr>
    <a:custClr name="Siemens Petrol 75%">
      <a:srgbClr val="00B9B9"/>
    </a:custClr>
    <a:custClr name="Strong Slate 75%">
      <a:srgbClr val="6E6868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Healthy Orange 50%">
      <a:srgbClr val="F9B591"/>
    </a:custClr>
    <a:custClr name="Blushing Berry 50%">
      <a:srgbClr val="BE82A5"/>
    </a:custClr>
    <a:custClr name="Siemens Petrol 50%">
      <a:srgbClr val="87D2D2"/>
    </a:custClr>
    <a:custClr name="Strong Slate 50%">
      <a:srgbClr val="A6A2A0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Healthy Orange 25%">
      <a:srgbClr val="FDDDCB"/>
    </a:custClr>
    <a:custClr name="Blushing Berry 25%">
      <a:srgbClr val="E1C8DC"/>
    </a:custClr>
    <a:custClr name="Siemens Petrol 25%">
      <a:srgbClr val="C8E6E6"/>
    </a:custClr>
    <a:custClr name="Strong Slate 25%">
      <a:srgbClr val="D5D2D0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</a:custClrLst>
</a:theme>
</file>

<file path=ppt/theme/theme6.xml><?xml version="1.0" encoding="utf-8"?>
<a:theme xmlns:a="http://schemas.openxmlformats.org/drawingml/2006/main" name="Larissa">
  <a:themeElements>
    <a:clrScheme name="SH_colors">
      <a:dk1>
        <a:srgbClr val="FFFFFF"/>
      </a:dk1>
      <a:lt1>
        <a:srgbClr val="000000"/>
      </a:lt1>
      <a:dk2>
        <a:srgbClr val="EC6602"/>
      </a:dk2>
      <a:lt2>
        <a:srgbClr val="CAC7C7"/>
      </a:lt2>
      <a:accent1>
        <a:srgbClr val="EC6602"/>
      </a:accent1>
      <a:accent2>
        <a:srgbClr val="830040"/>
      </a:accent2>
      <a:accent3>
        <a:srgbClr val="009999"/>
      </a:accent3>
      <a:accent4>
        <a:srgbClr val="F6B381"/>
      </a:accent4>
      <a:accent5>
        <a:srgbClr val="C180A0"/>
      </a:accent5>
      <a:accent6>
        <a:srgbClr val="80CCCC"/>
      </a:accent6>
      <a:hlink>
        <a:srgbClr val="EC6602"/>
      </a:hlink>
      <a:folHlink>
        <a:srgbClr val="830040"/>
      </a:folHlink>
    </a:clrScheme>
    <a:fontScheme name="SH_font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  <a:custClrLst>
    <a:custClr name="Healthy Orange 100%">
      <a:srgbClr val="EC6602"/>
    </a:custClr>
    <a:custClr name="Blushing Berry 100%">
      <a:srgbClr val="910041"/>
    </a:custClr>
    <a:custClr name="Siemens Petrol 100%">
      <a:srgbClr val="009999"/>
    </a:custClr>
    <a:custClr name="Strong Slate 100%">
      <a:srgbClr val="2D1E1C"/>
    </a:custClr>
    <a:custClr name="SH Yellow">
      <a:srgbClr val="FFDD00"/>
    </a:custClr>
    <a:custClr name="SH Red">
      <a:srgbClr val="E4001F"/>
    </a:custClr>
    <a:custClr name="SH Purple">
      <a:srgbClr val="5B457F"/>
    </a:custClr>
    <a:custClr name="SH Blue">
      <a:srgbClr val="0095DB"/>
    </a:custClr>
    <a:custClr name="SH Green">
      <a:srgbClr val="009D3C"/>
    </a:custClr>
    <a:custClr name="White">
      <a:srgbClr val="FFFFFF"/>
    </a:custClr>
    <a:custClr name="Healthy Orange 75%">
      <a:srgbClr val="F29257"/>
    </a:custClr>
    <a:custClr name="Blushing Berry 75%">
      <a:srgbClr val="B9507D"/>
    </a:custClr>
    <a:custClr name="Siemens Petrol 75%">
      <a:srgbClr val="00B9B9"/>
    </a:custClr>
    <a:custClr name="Strong Slate 75%">
      <a:srgbClr val="6E6868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Healthy Orange 50%">
      <a:srgbClr val="F9B591"/>
    </a:custClr>
    <a:custClr name="Blushing Berry 50%">
      <a:srgbClr val="BE82A5"/>
    </a:custClr>
    <a:custClr name="Siemens Petrol 50%">
      <a:srgbClr val="87D2D2"/>
    </a:custClr>
    <a:custClr name="Strong Slate 50%">
      <a:srgbClr val="A6A2A0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Healthy Orange 25%">
      <a:srgbClr val="FDDDCB"/>
    </a:custClr>
    <a:custClr name="Blushing Berry 25%">
      <a:srgbClr val="E1C8DC"/>
    </a:custClr>
    <a:custClr name="Siemens Petrol 25%">
      <a:srgbClr val="C8E6E6"/>
    </a:custClr>
    <a:custClr name="Strong Slate 25%">
      <a:srgbClr val="D5D2D0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  <a:custClr name="White">
      <a:srgbClr val="FFFFFF"/>
    </a:custClr>
  </a:custClrLst>
</a:theme>
</file>

<file path=docProps/app.xml><?xml version="1.0" encoding="utf-8"?>
<Properties xmlns="http://schemas.openxmlformats.org/officeDocument/2006/extended-properties" xmlns:vt="http://schemas.openxmlformats.org/officeDocument/2006/docPropsVTypes">
  <Template>VE20_ACU_Refactoring</Template>
  <TotalTime>5115</TotalTime>
  <Words>260</Words>
  <Application>Microsoft Office PowerPoint</Application>
  <PresentationFormat>Custom</PresentationFormat>
  <Paragraphs>61</Paragraphs>
  <Slides>15</Slides>
  <Notes>14</Notes>
  <HiddenSlides>0</HiddenSlides>
  <MMClips>0</MMClips>
  <ScaleCrop>false</ScaleCrop>
  <HeadingPairs>
    <vt:vector size="8" baseType="variant">
      <vt:variant>
        <vt:lpstr>Fonts Used</vt:lpstr>
      </vt:variant>
      <vt:variant>
        <vt:i4>8</vt:i4>
      </vt:variant>
      <vt:variant>
        <vt:lpstr>Theme</vt:lpstr>
      </vt:variant>
      <vt:variant>
        <vt:i4>4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5</vt:i4>
      </vt:variant>
    </vt:vector>
  </HeadingPairs>
  <TitlesOfParts>
    <vt:vector size="28" baseType="lpstr">
      <vt:lpstr>Arial</vt:lpstr>
      <vt:lpstr>Arial</vt:lpstr>
      <vt:lpstr>Calibri</vt:lpstr>
      <vt:lpstr>Tw Cen MT</vt:lpstr>
      <vt:lpstr>Tw Cen MT Condensed</vt:lpstr>
      <vt:lpstr>Verdana</vt:lpstr>
      <vt:lpstr>Wingdings</vt:lpstr>
      <vt:lpstr>Wingdings 3</vt:lpstr>
      <vt:lpstr>1_Custom Design</vt:lpstr>
      <vt:lpstr>Custom Design</vt:lpstr>
      <vt:lpstr>SH_Clinical_PPT_Template_16x9</vt:lpstr>
      <vt:lpstr>Integral</vt:lpstr>
      <vt:lpstr>think-cell Folie</vt:lpstr>
      <vt:lpstr>PowerPoint Presentation</vt:lpstr>
      <vt:lpstr>Agenda</vt:lpstr>
      <vt:lpstr>TDD (Test driven development)</vt:lpstr>
      <vt:lpstr>PowerPoint Presentation</vt:lpstr>
      <vt:lpstr>Step 1</vt:lpstr>
      <vt:lpstr>Step 2</vt:lpstr>
      <vt:lpstr>Step 3</vt:lpstr>
      <vt:lpstr>The technique of TDD</vt:lpstr>
      <vt:lpstr>Example contd…</vt:lpstr>
      <vt:lpstr>Example contd…</vt:lpstr>
      <vt:lpstr>Example contd…</vt:lpstr>
      <vt:lpstr>Advantages of TDD</vt:lpstr>
      <vt:lpstr>Kata</vt:lpstr>
      <vt:lpstr>PowerPoint Presentation</vt:lpstr>
      <vt:lpstr>Exercise</vt:lpstr>
    </vt:vector>
  </TitlesOfParts>
  <Company>Siemens AG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Intro title Calibri Bold 36 pt</dc:title>
  <dc:creator>IC009274</dc:creator>
  <cp:keywords>C_Unrestricted</cp:keywords>
  <cp:lastModifiedBy>K, Manjunath</cp:lastModifiedBy>
  <cp:revision>1570</cp:revision>
  <cp:lastPrinted>2016-07-27T10:05:42Z</cp:lastPrinted>
  <dcterms:created xsi:type="dcterms:W3CDTF">2016-09-26T17:10:55Z</dcterms:created>
  <dcterms:modified xsi:type="dcterms:W3CDTF">2021-07-11T15:39:1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ArticulateGUID">
    <vt:lpwstr>E7ADF926-99D5-45F0-ADB9-7B570BC1AB94</vt:lpwstr>
  </property>
  <property fmtid="{D5CDD505-2E9C-101B-9397-08002B2CF9AE}" pid="3" name="ArticulatePath">
    <vt:lpwstr>Präsentation2</vt:lpwstr>
  </property>
  <property fmtid="{D5CDD505-2E9C-101B-9397-08002B2CF9AE}" pid="4" name="_NewReviewCycle">
    <vt:lpwstr/>
  </property>
  <property fmtid="{D5CDD505-2E9C-101B-9397-08002B2CF9AE}" pid="5" name="Document Confidentiality">
    <vt:lpwstr>Unrestricted</vt:lpwstr>
  </property>
  <property fmtid="{D5CDD505-2E9C-101B-9397-08002B2CF9AE}" pid="6" name="_AdHocReviewCycleID">
    <vt:i4>-893515875</vt:i4>
  </property>
  <property fmtid="{D5CDD505-2E9C-101B-9397-08002B2CF9AE}" pid="7" name="_EmailSubject">
    <vt:lpwstr>Collimator simulation</vt:lpwstr>
  </property>
  <property fmtid="{D5CDD505-2E9C-101B-9397-08002B2CF9AE}" pid="8" name="_AuthorEmail">
    <vt:lpwstr>harshavardhan.kadiyala@siemens.com</vt:lpwstr>
  </property>
  <property fmtid="{D5CDD505-2E9C-101B-9397-08002B2CF9AE}" pid="9" name="_AuthorEmailDisplayName">
    <vt:lpwstr>Kadiyala, Harshavardhan (HC SI DC IN H2 AX SSY SC RTC-A)</vt:lpwstr>
  </property>
  <property fmtid="{D5CDD505-2E9C-101B-9397-08002B2CF9AE}" pid="10" name="_PreviousAdHocReviewCycleID">
    <vt:i4>-1846927846</vt:i4>
  </property>
  <property fmtid="{D5CDD505-2E9C-101B-9397-08002B2CF9AE}" pid="11" name="Document_Confidentiality">
    <vt:lpwstr>Unrestricted</vt:lpwstr>
  </property>
</Properties>
</file>